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53222"/>
  <mc:AlternateContent xmlns:mc="http://schemas.openxmlformats.org/markup-compatibility/2006">
    <mc:Choice Requires="x15">
      <x15ac:absPath xmlns:x15ac="http://schemas.microsoft.com/office/spreadsheetml/2010/11/ac" url="C:\Users\s03355\Desktop\令和２年度【ＨＰ公開用名前変更】病床機能報告\03_出雲圏域\"/>
    </mc:Choice>
  </mc:AlternateContent>
  <bookViews>
    <workbookView xWindow="8475" yWindow="1875" windowWidth="14055" windowHeight="11475"/>
  </bookViews>
  <sheets>
    <sheet name="診療所" sheetId="2" r:id="rId1"/>
  </sheets>
  <definedNames>
    <definedName name="_xlnm._FilterDatabase" localSheetId="0" hidden="1">診療所!$B$1:$B$384</definedName>
    <definedName name="_xlnm.Print_Area" localSheetId="0">診療所!$A$1:$S$722</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calcFeatures>
    </ext>
  </extLst>
</workbook>
</file>

<file path=xl/calcChain.xml><?xml version="1.0" encoding="utf-8"?>
<calcChain xmlns="http://schemas.openxmlformats.org/spreadsheetml/2006/main">
  <c r="K376" i="2" l="1"/>
  <c r="K375" i="2"/>
  <c r="K115" i="2" l="1"/>
  <c r="K114" i="2"/>
  <c r="K113" i="2"/>
  <c r="K112" i="2"/>
  <c r="K111" i="2"/>
  <c r="K110" i="2"/>
  <c r="K109" i="2"/>
  <c r="K108" i="2"/>
  <c r="K107" i="2"/>
  <c r="K106" i="2"/>
  <c r="K105" i="2"/>
  <c r="K104" i="2"/>
  <c r="K103" i="2"/>
  <c r="K373" i="2" l="1"/>
  <c r="K374" i="2"/>
  <c r="K377" i="2"/>
  <c r="K372" i="2"/>
  <c r="K371" i="2"/>
  <c r="K363" i="2"/>
  <c r="K362" i="2"/>
  <c r="K361" i="2"/>
  <c r="K360" i="2"/>
  <c r="K359" i="2"/>
  <c r="K332" i="2"/>
  <c r="K331" i="2"/>
  <c r="K330" i="2"/>
  <c r="K329" i="2"/>
  <c r="K328" i="2"/>
  <c r="K327" i="2"/>
  <c r="K319" i="2"/>
  <c r="K318" i="2"/>
  <c r="K310" i="2"/>
  <c r="K309" i="2"/>
  <c r="K308" i="2"/>
  <c r="K307" i="2"/>
  <c r="K298" i="2"/>
  <c r="K297" i="2"/>
  <c r="K296" i="2"/>
  <c r="K295" i="2"/>
  <c r="K294" i="2"/>
  <c r="K293" i="2"/>
  <c r="K292" i="2"/>
  <c r="K291" i="2"/>
  <c r="K290" i="2"/>
  <c r="K289" i="2"/>
  <c r="K288" i="2"/>
  <c r="K287" i="2"/>
  <c r="K286" i="2"/>
  <c r="K285" i="2"/>
  <c r="K284" i="2"/>
  <c r="K283" i="2"/>
  <c r="K275" i="2"/>
  <c r="K274" i="2"/>
  <c r="K273" i="2"/>
  <c r="K272" i="2"/>
  <c r="K271" i="2"/>
  <c r="K180" i="2"/>
  <c r="K179" i="2"/>
  <c r="K178" i="2"/>
  <c r="K177" i="2"/>
  <c r="K172" i="2"/>
  <c r="K171" i="2"/>
  <c r="K170" i="2"/>
  <c r="K169" i="2"/>
  <c r="K168" i="2"/>
  <c r="K167" i="2"/>
  <c r="K166" i="2"/>
  <c r="K165" i="2"/>
  <c r="K164" i="2"/>
  <c r="K163" i="2"/>
  <c r="K162" i="2"/>
  <c r="K161" i="2"/>
  <c r="K160" i="2"/>
  <c r="K159" i="2"/>
  <c r="K158" i="2"/>
  <c r="K157" i="2"/>
  <c r="K306" i="2" l="1"/>
</calcChain>
</file>

<file path=xl/sharedStrings.xml><?xml version="1.0" encoding="utf-8"?>
<sst xmlns="http://schemas.openxmlformats.org/spreadsheetml/2006/main" count="518" uniqueCount="341">
  <si>
    <t>病床の機能区分</t>
    <rPh sb="0" eb="2">
      <t>ビョウショウ</t>
    </rPh>
    <rPh sb="3" eb="5">
      <t>キノウ</t>
    </rPh>
    <rPh sb="5" eb="7">
      <t>クブン</t>
    </rPh>
    <phoneticPr fontId="10"/>
  </si>
  <si>
    <t>施設全体</t>
    <rPh sb="0" eb="2">
      <t>シセツ</t>
    </rPh>
    <rPh sb="2" eb="4">
      <t>ゼンタイ</t>
    </rPh>
    <phoneticPr fontId="3"/>
  </si>
  <si>
    <t>高度急性期</t>
  </si>
  <si>
    <t>急性期</t>
    <rPh sb="0" eb="3">
      <t>キュウセイキ</t>
    </rPh>
    <phoneticPr fontId="10"/>
  </si>
  <si>
    <t>回復期</t>
    <rPh sb="0" eb="3">
      <t>カイフクキ</t>
    </rPh>
    <phoneticPr fontId="10"/>
  </si>
  <si>
    <t>慢性期</t>
    <rPh sb="0" eb="3">
      <t>マンセイキ</t>
    </rPh>
    <phoneticPr fontId="10"/>
  </si>
  <si>
    <t>移行予定先の区分</t>
    <rPh sb="0" eb="4">
      <t>イコウヨテイ</t>
    </rPh>
    <rPh sb="4" eb="5">
      <t>サキ</t>
    </rPh>
    <rPh sb="6" eb="8">
      <t>クブン</t>
    </rPh>
    <phoneticPr fontId="10"/>
  </si>
  <si>
    <t>介護医療院に移行予定</t>
    <phoneticPr fontId="3"/>
  </si>
  <si>
    <t>介護老人保健施設に移行予定</t>
    <rPh sb="0" eb="2">
      <t>カイゴ</t>
    </rPh>
    <rPh sb="2" eb="4">
      <t>ロウジン</t>
    </rPh>
    <rPh sb="4" eb="6">
      <t>ホケン</t>
    </rPh>
    <rPh sb="6" eb="8">
      <t>シセツ</t>
    </rPh>
    <rPh sb="9" eb="13">
      <t>イコウヨテイ</t>
    </rPh>
    <phoneticPr fontId="10"/>
  </si>
  <si>
    <t>介護老人福祉施設に移行予定</t>
    <rPh sb="0" eb="2">
      <t>カイゴ</t>
    </rPh>
    <rPh sb="2" eb="4">
      <t>ロウジン</t>
    </rPh>
    <rPh sb="4" eb="6">
      <t>フクシ</t>
    </rPh>
    <rPh sb="6" eb="8">
      <t>シセツ</t>
    </rPh>
    <rPh sb="9" eb="13">
      <t>イコウヨテイ</t>
    </rPh>
    <phoneticPr fontId="10"/>
  </si>
  <si>
    <t>上記以外の介護サービスに移行予定</t>
    <rPh sb="0" eb="2">
      <t>ジョウキ</t>
    </rPh>
    <rPh sb="2" eb="4">
      <t>イガイ</t>
    </rPh>
    <rPh sb="5" eb="7">
      <t>カイゴ</t>
    </rPh>
    <rPh sb="12" eb="16">
      <t>イコウヨテイ</t>
    </rPh>
    <phoneticPr fontId="10"/>
  </si>
  <si>
    <t>（留意事項）</t>
    <phoneticPr fontId="3"/>
  </si>
  <si>
    <t>○また、公表している項目の中には、個人情報保護の観点から、1以上10未満の値を「＊」で秘匿している項目があります。</t>
    <phoneticPr fontId="3"/>
  </si>
  <si>
    <t>○「未確認」とされている情報は、未報告や報告内容の不整合があったことから確認が必要な情報になります。</t>
    <phoneticPr fontId="3"/>
  </si>
  <si>
    <t>○施設全体の欄では、内容に「*」,「未確認」とされている情報が含まれている場合に「※」を記載しています。</t>
    <rPh sb="1" eb="3">
      <t>シセツ</t>
    </rPh>
    <rPh sb="3" eb="5">
      <t>ゼンタイ</t>
    </rPh>
    <rPh sb="6" eb="7">
      <t>ラン</t>
    </rPh>
    <rPh sb="10" eb="12">
      <t>ナイヨウ</t>
    </rPh>
    <rPh sb="18" eb="21">
      <t>ミカクニン</t>
    </rPh>
    <rPh sb="28" eb="30">
      <t>ジョウホウ</t>
    </rPh>
    <rPh sb="31" eb="32">
      <t>フク</t>
    </rPh>
    <rPh sb="37" eb="39">
      <t>バアイ</t>
    </rPh>
    <rPh sb="44" eb="46">
      <t>キサイ</t>
    </rPh>
    <phoneticPr fontId="3"/>
  </si>
  <si>
    <t>○「-」とされている情報は、任意の報告項目や報告が不要となる場合、留意すべき報告対象期間について特段の情報がない場合に記載されています。</t>
    <rPh sb="22" eb="24">
      <t>ホウコク</t>
    </rPh>
    <rPh sb="25" eb="27">
      <t>フヨウ</t>
    </rPh>
    <rPh sb="30" eb="32">
      <t>バアイ</t>
    </rPh>
    <phoneticPr fontId="3"/>
  </si>
  <si>
    <t>・設置主体</t>
    <rPh sb="1" eb="3">
      <t>セッチ</t>
    </rPh>
    <rPh sb="3" eb="5">
      <t>シュタイ</t>
    </rPh>
    <phoneticPr fontId="3"/>
  </si>
  <si>
    <t>・職員数の状況</t>
    <phoneticPr fontId="3"/>
  </si>
  <si>
    <t>・病床の状況</t>
  </si>
  <si>
    <t>・退院調整部門の設置状況</t>
    <phoneticPr fontId="3"/>
  </si>
  <si>
    <t>・診療科</t>
  </si>
  <si>
    <t>・医療機器の台数</t>
    <phoneticPr fontId="3"/>
  </si>
  <si>
    <t>・入院基本料及び届出病床数</t>
    <phoneticPr fontId="3"/>
  </si>
  <si>
    <t>・有床診療所の病床の役割</t>
    <phoneticPr fontId="3"/>
  </si>
  <si>
    <t>・算定する入院基本料の状況</t>
    <phoneticPr fontId="3"/>
  </si>
  <si>
    <t>・過去1年間の間に病棟の再編・見直しがあった場合の報告対象期間</t>
    <phoneticPr fontId="3"/>
  </si>
  <si>
    <t>・在宅療養支援診療所の届出状況</t>
    <phoneticPr fontId="3"/>
  </si>
  <si>
    <t>◆基本情報（職員配置、届出の状況など）</t>
    <rPh sb="1" eb="3">
      <t>キホン</t>
    </rPh>
    <rPh sb="3" eb="5">
      <t>ジョウホウ</t>
    </rPh>
    <rPh sb="6" eb="8">
      <t>ショクイン</t>
    </rPh>
    <rPh sb="8" eb="10">
      <t>ハイチ</t>
    </rPh>
    <rPh sb="11" eb="13">
      <t>トドケデ</t>
    </rPh>
    <rPh sb="14" eb="16">
      <t>ジョウキョウ</t>
    </rPh>
    <phoneticPr fontId="3"/>
  </si>
  <si>
    <t>施設全体</t>
    <rPh sb="0" eb="2">
      <t>シセツ</t>
    </rPh>
    <rPh sb="2" eb="4">
      <t>ゼンタイ</t>
    </rPh>
    <phoneticPr fontId="10"/>
  </si>
  <si>
    <t>（項目の解説）</t>
    <phoneticPr fontId="3"/>
  </si>
  <si>
    <t>設置主体</t>
    <rPh sb="0" eb="2">
      <t>セッチ</t>
    </rPh>
    <rPh sb="2" eb="4">
      <t>シュタイ</t>
    </rPh>
    <phoneticPr fontId="10"/>
  </si>
  <si>
    <t xml:space="preserve">医療機関の開設者を区分別にを示しています。
</t>
    <phoneticPr fontId="3"/>
  </si>
  <si>
    <t>病床の状況</t>
    <rPh sb="0" eb="2">
      <t>ビョウショウ</t>
    </rPh>
    <rPh sb="3" eb="5">
      <t>ジョウキョウ</t>
    </rPh>
    <phoneticPr fontId="10"/>
  </si>
  <si>
    <t>一般病床</t>
    <rPh sb="0" eb="1">
      <t>イッ</t>
    </rPh>
    <rPh sb="1" eb="2">
      <t>ハン</t>
    </rPh>
    <rPh sb="2" eb="3">
      <t>ビョウ</t>
    </rPh>
    <rPh sb="3" eb="4">
      <t>ショウ</t>
    </rPh>
    <phoneticPr fontId="10"/>
  </si>
  <si>
    <t>許可病床</t>
    <rPh sb="0" eb="2">
      <t>キョカ</t>
    </rPh>
    <rPh sb="2" eb="4">
      <t>ビョウショウ</t>
    </rPh>
    <phoneticPr fontId="10"/>
  </si>
  <si>
    <t>上記のうち医療法上の経過措置に該当する病床数</t>
    <rPh sb="0" eb="2">
      <t>ジョウキ</t>
    </rPh>
    <rPh sb="5" eb="8">
      <t>イリョウホウ</t>
    </rPh>
    <rPh sb="8" eb="9">
      <t>ウエ</t>
    </rPh>
    <rPh sb="10" eb="12">
      <t>ケイカ</t>
    </rPh>
    <rPh sb="12" eb="14">
      <t>ソチ</t>
    </rPh>
    <rPh sb="15" eb="17">
      <t>ガイトウ</t>
    </rPh>
    <rPh sb="19" eb="22">
      <t>ビョウショウスウ</t>
    </rPh>
    <phoneticPr fontId="10"/>
  </si>
  <si>
    <t>稼働病床</t>
    <rPh sb="0" eb="2">
      <t>カドウ</t>
    </rPh>
    <rPh sb="2" eb="4">
      <t>ビョウショウ</t>
    </rPh>
    <phoneticPr fontId="10"/>
  </si>
  <si>
    <t>療養病床</t>
    <rPh sb="0" eb="1">
      <t>リョウ</t>
    </rPh>
    <rPh sb="1" eb="2">
      <t>オサム</t>
    </rPh>
    <rPh sb="2" eb="3">
      <t>ビョウ</t>
    </rPh>
    <rPh sb="3" eb="4">
      <t>ショウ</t>
    </rPh>
    <phoneticPr fontId="10"/>
  </si>
  <si>
    <t>うち医療療養病床</t>
    <rPh sb="2" eb="4">
      <t>イリョウ</t>
    </rPh>
    <rPh sb="4" eb="6">
      <t>リョウヨウ</t>
    </rPh>
    <rPh sb="6" eb="8">
      <t>ビョウショウ</t>
    </rPh>
    <phoneticPr fontId="10"/>
  </si>
  <si>
    <t>うち介護療養病床</t>
    <rPh sb="2" eb="4">
      <t>カイゴ</t>
    </rPh>
    <rPh sb="4" eb="6">
      <t>リョウヨウ</t>
    </rPh>
    <rPh sb="6" eb="8">
      <t>ビョウショウ</t>
    </rPh>
    <phoneticPr fontId="10"/>
  </si>
  <si>
    <t>うち介護療養病床</t>
    <phoneticPr fontId="10"/>
  </si>
  <si>
    <t>稼動病床数が0床である理由</t>
    <phoneticPr fontId="3"/>
  </si>
  <si>
    <t>診療科</t>
    <rPh sb="0" eb="3">
      <t>シンリョウカ</t>
    </rPh>
    <phoneticPr fontId="10"/>
  </si>
  <si>
    <t>主とする診療科</t>
    <rPh sb="0" eb="1">
      <t>シュ</t>
    </rPh>
    <rPh sb="4" eb="7">
      <t>シンリョウカ</t>
    </rPh>
    <phoneticPr fontId="10"/>
  </si>
  <si>
    <t>入院基本料及び届出病床数</t>
    <rPh sb="0" eb="2">
      <t>ニュウイン</t>
    </rPh>
    <rPh sb="2" eb="5">
      <t>キホンリョウ</t>
    </rPh>
    <rPh sb="5" eb="6">
      <t>オヨ</t>
    </rPh>
    <rPh sb="7" eb="8">
      <t>トド</t>
    </rPh>
    <rPh sb="8" eb="9">
      <t>デ</t>
    </rPh>
    <rPh sb="9" eb="12">
      <t>ビョウショウスウ</t>
    </rPh>
    <phoneticPr fontId="10"/>
  </si>
  <si>
    <t>有床診療所入院基本料</t>
    <rPh sb="0" eb="2">
      <t>ユウショウ</t>
    </rPh>
    <rPh sb="2" eb="5">
      <t>シンリョウジョ</t>
    </rPh>
    <rPh sb="5" eb="7">
      <t>ニュウイン</t>
    </rPh>
    <rPh sb="7" eb="10">
      <t>キホンリョウ</t>
    </rPh>
    <phoneticPr fontId="10"/>
  </si>
  <si>
    <t>有床診療所療養病床入院基本料</t>
    <rPh sb="0" eb="2">
      <t>ユウショウ</t>
    </rPh>
    <rPh sb="2" eb="5">
      <t>シンリョウジョ</t>
    </rPh>
    <rPh sb="5" eb="7">
      <t>リョウヨウ</t>
    </rPh>
    <rPh sb="7" eb="9">
      <t>ビョウショウ</t>
    </rPh>
    <rPh sb="9" eb="11">
      <t>ニュウイン</t>
    </rPh>
    <rPh sb="11" eb="14">
      <t>キホンリョウ</t>
    </rPh>
    <phoneticPr fontId="10"/>
  </si>
  <si>
    <t>介護療養病床における診療所型介護療養施設サービス費等</t>
    <rPh sb="0" eb="2">
      <t>カイゴ</t>
    </rPh>
    <rPh sb="2" eb="4">
      <t>リョウヨウ</t>
    </rPh>
    <rPh sb="4" eb="6">
      <t>ビョウショウ</t>
    </rPh>
    <rPh sb="10" eb="14">
      <t>シンリョウジョガタ</t>
    </rPh>
    <rPh sb="14" eb="16">
      <t>カイゴ</t>
    </rPh>
    <rPh sb="16" eb="18">
      <t>リョウヨウ</t>
    </rPh>
    <rPh sb="18" eb="20">
      <t>シセツ</t>
    </rPh>
    <rPh sb="24" eb="25">
      <t>ヒ</t>
    </rPh>
    <rPh sb="25" eb="26">
      <t>トウ</t>
    </rPh>
    <phoneticPr fontId="10"/>
  </si>
  <si>
    <t>在宅療養支援診療所の届出状況</t>
    <phoneticPr fontId="10"/>
  </si>
  <si>
    <t>在宅療養支援診療所の届出の有無</t>
    <rPh sb="0" eb="2">
      <t>ザイタク</t>
    </rPh>
    <rPh sb="2" eb="4">
      <t>リョウヨウ</t>
    </rPh>
    <rPh sb="4" eb="6">
      <t>シエン</t>
    </rPh>
    <rPh sb="6" eb="9">
      <t>シンリョウジョ</t>
    </rPh>
    <rPh sb="10" eb="11">
      <t>トド</t>
    </rPh>
    <rPh sb="11" eb="12">
      <t>デ</t>
    </rPh>
    <rPh sb="13" eb="15">
      <t>ウム</t>
    </rPh>
    <phoneticPr fontId="10"/>
  </si>
  <si>
    <t xml:space="preserve">在宅療養支援診療所とは、24時間往診が可能な体制を確保し、また訪問看護ステーションとの連携により24時間訪問看護の提供が可能な体制を確保している診療所のことです。
</t>
    <phoneticPr fontId="10"/>
  </si>
  <si>
    <t>職員数の状況</t>
    <rPh sb="0" eb="2">
      <t>ショクイン</t>
    </rPh>
    <rPh sb="2" eb="3">
      <t>スウ</t>
    </rPh>
    <rPh sb="4" eb="6">
      <t>ジョウキョウ</t>
    </rPh>
    <phoneticPr fontId="10"/>
  </si>
  <si>
    <t>入院部門の職員数</t>
    <rPh sb="0" eb="2">
      <t>ニュウイン</t>
    </rPh>
    <rPh sb="2" eb="4">
      <t>ブモン</t>
    </rPh>
    <rPh sb="5" eb="8">
      <t>ショクインスウ</t>
    </rPh>
    <phoneticPr fontId="10"/>
  </si>
  <si>
    <t>手術室</t>
    <rPh sb="0" eb="3">
      <t>シュジュツシツ</t>
    </rPh>
    <phoneticPr fontId="10"/>
  </si>
  <si>
    <t>外来部門</t>
    <rPh sb="0" eb="2">
      <t>ガイライ</t>
    </rPh>
    <rPh sb="2" eb="4">
      <t>ブモン</t>
    </rPh>
    <phoneticPr fontId="10"/>
  </si>
  <si>
    <t>その他</t>
    <rPh sb="2" eb="3">
      <t>タ</t>
    </rPh>
    <phoneticPr fontId="10"/>
  </si>
  <si>
    <t>医師</t>
    <rPh sb="0" eb="2">
      <t>イシ</t>
    </rPh>
    <phoneticPr fontId="10"/>
  </si>
  <si>
    <t>常勤</t>
    <rPh sb="0" eb="2">
      <t>ジョウキン</t>
    </rPh>
    <phoneticPr fontId="10"/>
  </si>
  <si>
    <t xml:space="preserve">職員数は、医療機関内の各部門に配置されている職員数です。
(参考）理学療法士
　座る、立つ、歩くなどの基本動作ができるように、身体の基本的機能の回復をサポートするリハビリテーションの専門職です。筋力や関節可動域などの身体機能を改善する運動療法を行ったり、温熱、光線、電気などを用いて、痛みや循環の改善を図る物理療法を行ったりします。
（参考）作業療法士
　指を動かす、食事をするなど日常生活を送る上で必要な諸機能の回復・維持をサポートするリハビリテーションの専門職です。作業療法の手段には、土木、陶芸、園芸、織物、料理、手芸、絵画、音楽などがあり、個人あるいは集団で行います。
（参考）言語聴覚士
　上手く話せない、声が出にくいなどのコミュニケーションや、食べ物を飲み込むなどの能力に問題が生じている場合に、その回復をサポートするリハビリテーションの専門職です。障害が起こっているメカニズムを明らかにし、対処法を探るために検査、評価し、必要に応じて訓練やアドバイスを行います。
（診療放射線技師）
　放射線を利用した病気の検査や治療を行う専門職です。検査や治療の種類は、胸の撮影、バリウムによる胃の撮影、CT検査、血管撮影、乳房撮影、放射性医薬品による検査や放射線治療などがあります。また、MRI検査や超音波検査等の放射線を利用しない検査も行います。
（臨床検査技師）
　身体の状態を血液、尿などから調べる検体検査や心電図検査、脳波検査及び超音波検査など身体に直接触れて行う生理学的検査など、病気の診断や治療等に必要な臨床検査を行う専門職です。検査に必要な採血や検体採取を行ったり、適正な検査結果が出るように精度管理を実施しています。
</t>
    <phoneticPr fontId="3"/>
  </si>
  <si>
    <t>非常勤</t>
    <rPh sb="0" eb="3">
      <t>ヒジョウキン</t>
    </rPh>
    <phoneticPr fontId="10"/>
  </si>
  <si>
    <t>歯科医師</t>
    <rPh sb="0" eb="2">
      <t>シカ</t>
    </rPh>
    <rPh sb="2" eb="4">
      <t>イシ</t>
    </rPh>
    <phoneticPr fontId="10"/>
  </si>
  <si>
    <t>看護師</t>
    <rPh sb="0" eb="3">
      <t>カンゴシ</t>
    </rPh>
    <phoneticPr fontId="10"/>
  </si>
  <si>
    <t>准看護師</t>
    <rPh sb="0" eb="4">
      <t>ジュンカンゴシ</t>
    </rPh>
    <phoneticPr fontId="10"/>
  </si>
  <si>
    <t>看護補助者</t>
    <rPh sb="0" eb="2">
      <t>カンゴ</t>
    </rPh>
    <rPh sb="2" eb="4">
      <t>ホジョ</t>
    </rPh>
    <rPh sb="4" eb="5">
      <t>シャ</t>
    </rPh>
    <phoneticPr fontId="10"/>
  </si>
  <si>
    <t>助産師</t>
    <rPh sb="0" eb="3">
      <t>ジョサンシ</t>
    </rPh>
    <phoneticPr fontId="10"/>
  </si>
  <si>
    <t>理学療法士</t>
    <rPh sb="0" eb="2">
      <t>リガク</t>
    </rPh>
    <rPh sb="2" eb="5">
      <t>リョウホウシ</t>
    </rPh>
    <phoneticPr fontId="10"/>
  </si>
  <si>
    <t>作業療法士</t>
    <rPh sb="0" eb="2">
      <t>サギョウ</t>
    </rPh>
    <rPh sb="2" eb="5">
      <t>リョウホウシ</t>
    </rPh>
    <phoneticPr fontId="10"/>
  </si>
  <si>
    <t>言語聴覚士</t>
    <rPh sb="0" eb="2">
      <t>ゲンゴ</t>
    </rPh>
    <rPh sb="2" eb="5">
      <t>チョウカクシ</t>
    </rPh>
    <phoneticPr fontId="10"/>
  </si>
  <si>
    <t>薬剤師</t>
    <rPh sb="0" eb="3">
      <t>ヤクザイシ</t>
    </rPh>
    <phoneticPr fontId="10"/>
  </si>
  <si>
    <t>診療放射線技師</t>
    <rPh sb="0" eb="2">
      <t>シンリョウ</t>
    </rPh>
    <rPh sb="2" eb="5">
      <t>ホウシャセン</t>
    </rPh>
    <rPh sb="5" eb="7">
      <t>ギシ</t>
    </rPh>
    <phoneticPr fontId="10"/>
  </si>
  <si>
    <t>臨床検査技師</t>
    <phoneticPr fontId="10"/>
  </si>
  <si>
    <t>臨床工学技士</t>
    <rPh sb="0" eb="2">
      <t>リンショウ</t>
    </rPh>
    <rPh sb="2" eb="4">
      <t>コウガク</t>
    </rPh>
    <rPh sb="4" eb="6">
      <t>ギシ</t>
    </rPh>
    <phoneticPr fontId="10"/>
  </si>
  <si>
    <t>管理栄養士</t>
    <rPh sb="0" eb="2">
      <t>カンリ</t>
    </rPh>
    <rPh sb="2" eb="5">
      <t>エイヨウシ</t>
    </rPh>
    <phoneticPr fontId="10"/>
  </si>
  <si>
    <t>退院調整部門の設置状況</t>
    <rPh sb="0" eb="2">
      <t>タイイン</t>
    </rPh>
    <rPh sb="2" eb="4">
      <t>チョウセイ</t>
    </rPh>
    <rPh sb="4" eb="6">
      <t>ブモン</t>
    </rPh>
    <rPh sb="7" eb="9">
      <t>セッチ</t>
    </rPh>
    <rPh sb="9" eb="11">
      <t>ジョウキョウ</t>
    </rPh>
    <phoneticPr fontId="10"/>
  </si>
  <si>
    <t>退院調整部門の有無</t>
    <rPh sb="0" eb="2">
      <t>タイイン</t>
    </rPh>
    <rPh sb="2" eb="4">
      <t>チョウセイ</t>
    </rPh>
    <rPh sb="4" eb="6">
      <t>ブモン</t>
    </rPh>
    <rPh sb="7" eb="9">
      <t>ウム</t>
    </rPh>
    <phoneticPr fontId="10"/>
  </si>
  <si>
    <t xml:space="preserve">退院調整部門とは、退院先の検討や、退院後に必要な訪問診療や訪問看護、介護サービスの紹介等を行う専門部署です。この項目は、そうした部門の設置状況と、そこで勤務する職員の人数を示します。
（参考）ＭＳＷ（メディカルソーシャルワーカー）
　患者・家族の心理的、社会的問題の解決、調整を支援し、社会復帰の促進を図る専門職です。
</t>
    <phoneticPr fontId="3"/>
  </si>
  <si>
    <t>退院調整部門に勤務する人数</t>
    <rPh sb="0" eb="2">
      <t>タイイン</t>
    </rPh>
    <rPh sb="2" eb="4">
      <t>チョウセイ</t>
    </rPh>
    <rPh sb="4" eb="6">
      <t>ブモン</t>
    </rPh>
    <rPh sb="7" eb="9">
      <t>キンム</t>
    </rPh>
    <rPh sb="11" eb="13">
      <t>ニンズウ</t>
    </rPh>
    <phoneticPr fontId="10"/>
  </si>
  <si>
    <t>専従</t>
    <rPh sb="0" eb="2">
      <t>センジュウ</t>
    </rPh>
    <phoneticPr fontId="10"/>
  </si>
  <si>
    <t>専任</t>
    <rPh sb="0" eb="2">
      <t>センニン</t>
    </rPh>
    <phoneticPr fontId="10"/>
  </si>
  <si>
    <t>看護職員</t>
    <rPh sb="0" eb="2">
      <t>カンゴ</t>
    </rPh>
    <rPh sb="2" eb="4">
      <t>ショクイン</t>
    </rPh>
    <phoneticPr fontId="10"/>
  </si>
  <si>
    <t>MSW</t>
    <phoneticPr fontId="10"/>
  </si>
  <si>
    <t>MSWのうち社会福祉士</t>
    <rPh sb="6" eb="8">
      <t>シャカイ</t>
    </rPh>
    <rPh sb="8" eb="11">
      <t>フクシシ</t>
    </rPh>
    <phoneticPr fontId="10"/>
  </si>
  <si>
    <t>事務員</t>
    <rPh sb="0" eb="3">
      <t>ジムイン</t>
    </rPh>
    <phoneticPr fontId="10"/>
  </si>
  <si>
    <t>医療機器の台数</t>
    <rPh sb="0" eb="2">
      <t>イリョウ</t>
    </rPh>
    <rPh sb="2" eb="4">
      <t>キキ</t>
    </rPh>
    <rPh sb="5" eb="7">
      <t>ダイスウ</t>
    </rPh>
    <phoneticPr fontId="10"/>
  </si>
  <si>
    <t>CT</t>
    <phoneticPr fontId="10"/>
  </si>
  <si>
    <t>マルチスライス</t>
    <phoneticPr fontId="10"/>
  </si>
  <si>
    <t>64列以上</t>
    <rPh sb="2" eb="3">
      <t>レツ</t>
    </rPh>
    <rPh sb="3" eb="5">
      <t>イジョウ</t>
    </rPh>
    <phoneticPr fontId="10"/>
  </si>
  <si>
    <t xml:space="preserve">CTは、X線（放射線）を使って、身体の断面を撮影する装置です。列の数が多いほど、同じ範囲をより短時間、より細かく撮影することができます。値は医療機関が保有する台数です。
</t>
    <phoneticPr fontId="10"/>
  </si>
  <si>
    <t>16列以上64列未満</t>
    <rPh sb="2" eb="3">
      <t>レツ</t>
    </rPh>
    <rPh sb="3" eb="5">
      <t>イジョウ</t>
    </rPh>
    <rPh sb="7" eb="8">
      <t>レツ</t>
    </rPh>
    <rPh sb="8" eb="10">
      <t>ミマン</t>
    </rPh>
    <phoneticPr fontId="10"/>
  </si>
  <si>
    <t>16列未満</t>
    <rPh sb="2" eb="3">
      <t>レツ</t>
    </rPh>
    <rPh sb="3" eb="5">
      <t>ミマン</t>
    </rPh>
    <phoneticPr fontId="10"/>
  </si>
  <si>
    <t>MRI</t>
    <phoneticPr fontId="10"/>
  </si>
  <si>
    <t>3T以上</t>
    <rPh sb="2" eb="4">
      <t>イジョウ</t>
    </rPh>
    <phoneticPr fontId="10"/>
  </si>
  <si>
    <t xml:space="preserve">MRIは、主に磁気を利用して、身体の断面を撮影する装置です。T（テスラ）は、磁気の強さを表す単位で、値が大きいほど高画質の画像が得られます。値は医療機関が保有する台数です。
</t>
    <phoneticPr fontId="10"/>
  </si>
  <si>
    <t>1.5Ｔ以上3Ｔ未満</t>
    <rPh sb="4" eb="6">
      <t>イジョウ</t>
    </rPh>
    <rPh sb="8" eb="10">
      <t>ミマン</t>
    </rPh>
    <phoneticPr fontId="10"/>
  </si>
  <si>
    <t>1.5Ｔ未満</t>
    <rPh sb="4" eb="6">
      <t>ミマン</t>
    </rPh>
    <phoneticPr fontId="10"/>
  </si>
  <si>
    <t>血管連続撮影装置</t>
    <rPh sb="0" eb="2">
      <t>ケッカン</t>
    </rPh>
    <rPh sb="2" eb="4">
      <t>レンゾク</t>
    </rPh>
    <rPh sb="4" eb="6">
      <t>サツエイ</t>
    </rPh>
    <rPh sb="6" eb="8">
      <t>ソウチ</t>
    </rPh>
    <phoneticPr fontId="10"/>
  </si>
  <si>
    <t xml:space="preserve">血管連続撮影装置は、X線では映らない、血管の状態を撮影するための装置です。値は医療機関が保有する台数です。
</t>
    <phoneticPr fontId="10"/>
  </si>
  <si>
    <t>SPECT</t>
    <phoneticPr fontId="10"/>
  </si>
  <si>
    <t xml:space="preserve">SPECTは、特殊な薬剤を注射したあとに撮影することで、体のなかの血液の分布を調べる装置です。とくに、脳血管障害や心疾患の診断に用いられます。値は医療機関が保有する台数です。
</t>
    <phoneticPr fontId="10"/>
  </si>
  <si>
    <t>PET</t>
    <phoneticPr fontId="10"/>
  </si>
  <si>
    <t>PETCT</t>
    <phoneticPr fontId="10"/>
  </si>
  <si>
    <t xml:space="preserve">PETCTは、診断の精度を向上させるためにPETとCTを組み合わせた装置です。値は医療機関が保有する台数です。
</t>
    <phoneticPr fontId="10"/>
  </si>
  <si>
    <t>PETMRI</t>
    <phoneticPr fontId="10"/>
  </si>
  <si>
    <t xml:space="preserve">PETMRIは、診断の精度を向上させるためにPETとMRIを組み合わせた装置です。値は医療機関が保有する台数です。
</t>
    <phoneticPr fontId="10"/>
  </si>
  <si>
    <t>ガンマナイフ</t>
    <phoneticPr fontId="3"/>
  </si>
  <si>
    <t xml:space="preserve">ガンマナイフは、脳に精密に放射線を集中照射する装置です。値は医療機関が保有する台数です。
</t>
    <phoneticPr fontId="10"/>
  </si>
  <si>
    <t>サイバーナイフ</t>
    <phoneticPr fontId="3"/>
  </si>
  <si>
    <t xml:space="preserve">サイバーナイフは、腫瘍にロボットアームで集中的に放射線を照射する装置です。値は医療機関が保有する台数です。
</t>
    <phoneticPr fontId="10"/>
  </si>
  <si>
    <t>強度変調放射線治療器</t>
    <rPh sb="0" eb="2">
      <t>キョウド</t>
    </rPh>
    <rPh sb="2" eb="4">
      <t>ヘンチョウ</t>
    </rPh>
    <rPh sb="4" eb="7">
      <t>ホウシャセン</t>
    </rPh>
    <rPh sb="7" eb="10">
      <t>チリョウキ</t>
    </rPh>
    <phoneticPr fontId="10"/>
  </si>
  <si>
    <t xml:space="preserve">強度変調放射線治療器は、腫瘍に精確に放射線を照射する装置です。値は医療機関が保有する台数です。
</t>
    <phoneticPr fontId="10"/>
  </si>
  <si>
    <t>遠隔操作式密封小線源治療装置</t>
  </si>
  <si>
    <t xml:space="preserve">遠隔操作式密封小線源治療装置は、体の内側から放射線を照射する機能を持つ装置です。値は医療機関が保有する台数です。
</t>
    <phoneticPr fontId="10"/>
  </si>
  <si>
    <t>内視鏡手術用支援機器（ダヴィンチ）</t>
    <rPh sb="0" eb="3">
      <t>ナイシキョウ</t>
    </rPh>
    <rPh sb="3" eb="6">
      <t>シュジュツヨウ</t>
    </rPh>
    <rPh sb="6" eb="8">
      <t>シエン</t>
    </rPh>
    <rPh sb="8" eb="10">
      <t>キキ</t>
    </rPh>
    <phoneticPr fontId="3"/>
  </si>
  <si>
    <t xml:space="preserve">内視鏡手術用支援機器（ダヴィンチ）は、内視鏡カメラとロボットアームを操作して手術を行う手術支援ロボットです。値は医療機関が保有する台数です。
</t>
    <phoneticPr fontId="10"/>
  </si>
  <si>
    <t>有床診療所の病床の役割</t>
    <rPh sb="0" eb="2">
      <t>ユウショウ</t>
    </rPh>
    <rPh sb="2" eb="5">
      <t>シンリョウジョ</t>
    </rPh>
    <rPh sb="6" eb="8">
      <t>ビョウショウ</t>
    </rPh>
    <rPh sb="9" eb="11">
      <t>ヤクワリ</t>
    </rPh>
    <phoneticPr fontId="3"/>
  </si>
  <si>
    <t>病院からの早期退院患者の在宅・介護施設への受け渡し機能</t>
    <rPh sb="0" eb="2">
      <t>ビョウイン</t>
    </rPh>
    <rPh sb="5" eb="7">
      <t>ソウキ</t>
    </rPh>
    <rPh sb="7" eb="9">
      <t>タイイン</t>
    </rPh>
    <rPh sb="9" eb="11">
      <t>カンジャ</t>
    </rPh>
    <rPh sb="12" eb="14">
      <t>ザイタク</t>
    </rPh>
    <rPh sb="15" eb="17">
      <t>カイゴ</t>
    </rPh>
    <rPh sb="17" eb="19">
      <t>シセツ</t>
    </rPh>
    <rPh sb="21" eb="22">
      <t>ウ</t>
    </rPh>
    <rPh sb="23" eb="24">
      <t>ワタ</t>
    </rPh>
    <rPh sb="25" eb="27">
      <t>キノウ</t>
    </rPh>
    <phoneticPr fontId="3"/>
  </si>
  <si>
    <t xml:space="preserve">有床診療所の病床の役割は、列挙した機能のうち具体的にどのような機能を担っているかを示しています。なお、病床（ベッド）の数が20床以上の医療機関を「病院」、病床がなく外来診療のみを行うものや病床が19床以下の医療機関を「診療所」と呼びます。診療所のうち、病床をもつ診療所を「有床診療所」と呼びます。診療所は、地域のニーズに対応して多様な役割を担っています。
</t>
    <phoneticPr fontId="3"/>
  </si>
  <si>
    <t>専門医療を担って病院の役割を補完する機能</t>
    <rPh sb="0" eb="2">
      <t>センモン</t>
    </rPh>
    <rPh sb="2" eb="4">
      <t>イリョウ</t>
    </rPh>
    <rPh sb="5" eb="6">
      <t>ニナ</t>
    </rPh>
    <rPh sb="8" eb="10">
      <t>ビョウイン</t>
    </rPh>
    <rPh sb="11" eb="13">
      <t>ヤクワリ</t>
    </rPh>
    <rPh sb="14" eb="16">
      <t>ホカン</t>
    </rPh>
    <rPh sb="18" eb="20">
      <t>キノウ</t>
    </rPh>
    <phoneticPr fontId="3"/>
  </si>
  <si>
    <t>緊急時に対応する機能</t>
    <rPh sb="0" eb="3">
      <t>キンキュウジ</t>
    </rPh>
    <rPh sb="4" eb="6">
      <t>タイオウ</t>
    </rPh>
    <rPh sb="8" eb="10">
      <t>キノウ</t>
    </rPh>
    <phoneticPr fontId="3"/>
  </si>
  <si>
    <t>在宅医療の拠点としての機能</t>
    <rPh sb="0" eb="2">
      <t>ザイタク</t>
    </rPh>
    <rPh sb="2" eb="4">
      <t>イリョウ</t>
    </rPh>
    <rPh sb="5" eb="7">
      <t>キョテン</t>
    </rPh>
    <rPh sb="11" eb="13">
      <t>キノウ</t>
    </rPh>
    <phoneticPr fontId="3"/>
  </si>
  <si>
    <t>終末期医療を担う機能</t>
    <rPh sb="0" eb="3">
      <t>シュウマツキ</t>
    </rPh>
    <rPh sb="3" eb="5">
      <t>イリョウ</t>
    </rPh>
    <rPh sb="6" eb="7">
      <t>ニナ</t>
    </rPh>
    <rPh sb="8" eb="10">
      <t>キノウ</t>
    </rPh>
    <phoneticPr fontId="3"/>
  </si>
  <si>
    <t>上記のいずれにも該当しない</t>
    <phoneticPr fontId="3"/>
  </si>
  <si>
    <t>休棟中</t>
    <phoneticPr fontId="3"/>
  </si>
  <si>
    <t>過去1年間の間に病棟の再編・見直しがあった場合の報告対象期間</t>
    <phoneticPr fontId="3"/>
  </si>
  <si>
    <t>・入院患者の状況（年間）</t>
    <rPh sb="1" eb="3">
      <t>ニュウイン</t>
    </rPh>
    <rPh sb="3" eb="5">
      <t>カンジャ</t>
    </rPh>
    <rPh sb="6" eb="8">
      <t>ジョウキョウ</t>
    </rPh>
    <rPh sb="9" eb="11">
      <t>ネンカン</t>
    </rPh>
    <phoneticPr fontId="10"/>
  </si>
  <si>
    <t>・入院患者の状況（月間／入院前の場所・退院先の場所の状況）</t>
    <rPh sb="1" eb="3">
      <t>ニュウイン</t>
    </rPh>
    <rPh sb="3" eb="5">
      <t>カンジャ</t>
    </rPh>
    <rPh sb="6" eb="8">
      <t>ジョウキョウ</t>
    </rPh>
    <rPh sb="9" eb="11">
      <t>ゲッカン</t>
    </rPh>
    <rPh sb="12" eb="14">
      <t>ニュウイン</t>
    </rPh>
    <rPh sb="14" eb="15">
      <t>マエ</t>
    </rPh>
    <rPh sb="16" eb="18">
      <t>バショ</t>
    </rPh>
    <rPh sb="19" eb="21">
      <t>タイイン</t>
    </rPh>
    <rPh sb="21" eb="22">
      <t>サキ</t>
    </rPh>
    <rPh sb="23" eb="25">
      <t>バショ</t>
    </rPh>
    <rPh sb="26" eb="28">
      <t>ジョウキョウ</t>
    </rPh>
    <phoneticPr fontId="10"/>
  </si>
  <si>
    <t>・退院後に在宅医療を必要とする患者の状況</t>
    <rPh sb="1" eb="3">
      <t>タイイン</t>
    </rPh>
    <rPh sb="3" eb="4">
      <t>ゴ</t>
    </rPh>
    <rPh sb="5" eb="7">
      <t>ザイタク</t>
    </rPh>
    <rPh sb="7" eb="9">
      <t>イリョウ</t>
    </rPh>
    <rPh sb="10" eb="12">
      <t>ヒツヨウ</t>
    </rPh>
    <rPh sb="15" eb="17">
      <t>カンジャ</t>
    </rPh>
    <rPh sb="18" eb="20">
      <t>ジョウキョウ</t>
    </rPh>
    <phoneticPr fontId="10"/>
  </si>
  <si>
    <t>・在宅医療を行った患者数</t>
    <rPh sb="1" eb="3">
      <t>ザイタク</t>
    </rPh>
    <rPh sb="3" eb="5">
      <t>イリョウ</t>
    </rPh>
    <rPh sb="6" eb="7">
      <t>オコナ</t>
    </rPh>
    <rPh sb="9" eb="12">
      <t>カンジャスウ</t>
    </rPh>
    <phoneticPr fontId="3"/>
  </si>
  <si>
    <t>・看取りを行った患者数</t>
    <rPh sb="1" eb="3">
      <t>ミト</t>
    </rPh>
    <rPh sb="5" eb="6">
      <t>オコナ</t>
    </rPh>
    <rPh sb="8" eb="10">
      <t>カンジャ</t>
    </rPh>
    <rPh sb="10" eb="11">
      <t>スウ</t>
    </rPh>
    <phoneticPr fontId="3"/>
  </si>
  <si>
    <t>◆患者の入退院等の状況</t>
    <rPh sb="1" eb="3">
      <t>カンジャ</t>
    </rPh>
    <rPh sb="4" eb="7">
      <t>ニュウタイイン</t>
    </rPh>
    <rPh sb="7" eb="8">
      <t>トウ</t>
    </rPh>
    <rPh sb="9" eb="11">
      <t>ジョウキョウ</t>
    </rPh>
    <phoneticPr fontId="3"/>
  </si>
  <si>
    <t>入院患者の状況（年間）</t>
    <rPh sb="0" eb="2">
      <t>ニュウイン</t>
    </rPh>
    <rPh sb="2" eb="4">
      <t>カンジャ</t>
    </rPh>
    <rPh sb="5" eb="7">
      <t>ジョウキョウ</t>
    </rPh>
    <phoneticPr fontId="3"/>
  </si>
  <si>
    <t>年間</t>
    <rPh sb="0" eb="1">
      <t>ネン</t>
    </rPh>
    <rPh sb="1" eb="2">
      <t>マ</t>
    </rPh>
    <phoneticPr fontId="10"/>
  </si>
  <si>
    <t>新規入院患者数（年間）</t>
    <rPh sb="0" eb="2">
      <t>シンキ</t>
    </rPh>
    <rPh sb="2" eb="4">
      <t>ニュウイン</t>
    </rPh>
    <rPh sb="4" eb="7">
      <t>カンジャスウ</t>
    </rPh>
    <rPh sb="8" eb="10">
      <t>ネンカン</t>
    </rPh>
    <phoneticPr fontId="10"/>
  </si>
  <si>
    <t>うち急変による入院患者</t>
    <rPh sb="2" eb="4">
      <t>キュウヘン</t>
    </rPh>
    <rPh sb="7" eb="9">
      <t>ニュウイン</t>
    </rPh>
    <rPh sb="9" eb="11">
      <t>カンジャ</t>
    </rPh>
    <phoneticPr fontId="10"/>
  </si>
  <si>
    <t>うち他の急性期医療を担う病院の一般病棟からの受入割合</t>
    <rPh sb="2" eb="3">
      <t>ホカ</t>
    </rPh>
    <rPh sb="4" eb="7">
      <t>キュウセイキ</t>
    </rPh>
    <rPh sb="7" eb="9">
      <t>イリョウ</t>
    </rPh>
    <rPh sb="10" eb="11">
      <t>ニナ</t>
    </rPh>
    <rPh sb="12" eb="14">
      <t>ビョウイン</t>
    </rPh>
    <rPh sb="15" eb="17">
      <t>イッパン</t>
    </rPh>
    <rPh sb="17" eb="19">
      <t>ビョウトウ</t>
    </rPh>
    <rPh sb="22" eb="24">
      <t>ウケイレ</t>
    </rPh>
    <rPh sb="24" eb="26">
      <t>ワリアイ</t>
    </rPh>
    <phoneticPr fontId="10"/>
  </si>
  <si>
    <t>在院患者延べ数（年間）</t>
    <rPh sb="0" eb="1">
      <t>ザイ</t>
    </rPh>
    <rPh sb="2" eb="4">
      <t>カンジャ</t>
    </rPh>
    <rPh sb="4" eb="5">
      <t>ノ</t>
    </rPh>
    <rPh sb="6" eb="7">
      <t>スウ</t>
    </rPh>
    <rPh sb="8" eb="10">
      <t>ネンカン</t>
    </rPh>
    <phoneticPr fontId="10"/>
  </si>
  <si>
    <t>退院患者数（年間）</t>
    <rPh sb="0" eb="2">
      <t>タイイン</t>
    </rPh>
    <rPh sb="2" eb="4">
      <t>カンジャ</t>
    </rPh>
    <rPh sb="4" eb="5">
      <t>スウ</t>
    </rPh>
    <rPh sb="6" eb="8">
      <t>ネンカン</t>
    </rPh>
    <phoneticPr fontId="10"/>
  </si>
  <si>
    <t>入院前の場所</t>
    <rPh sb="0" eb="1">
      <t>ニュウ</t>
    </rPh>
    <rPh sb="2" eb="3">
      <t>マエ</t>
    </rPh>
    <rPh sb="4" eb="5">
      <t>バ</t>
    </rPh>
    <rPh sb="5" eb="6">
      <t>ジョ</t>
    </rPh>
    <phoneticPr fontId="10"/>
  </si>
  <si>
    <t>うち家庭からの入院</t>
    <rPh sb="2" eb="4">
      <t>カテイ</t>
    </rPh>
    <rPh sb="7" eb="9">
      <t>ニュウイン</t>
    </rPh>
    <phoneticPr fontId="10"/>
  </si>
  <si>
    <t>うち他の病院、診療所からの転院</t>
    <rPh sb="2" eb="3">
      <t>タ</t>
    </rPh>
    <rPh sb="4" eb="6">
      <t>ビョウイン</t>
    </rPh>
    <rPh sb="7" eb="10">
      <t>シンリョウジョ</t>
    </rPh>
    <rPh sb="13" eb="14">
      <t>テン</t>
    </rPh>
    <rPh sb="14" eb="15">
      <t>イン</t>
    </rPh>
    <phoneticPr fontId="10"/>
  </si>
  <si>
    <t>うち院内の出生</t>
    <rPh sb="2" eb="4">
      <t>インナイ</t>
    </rPh>
    <rPh sb="5" eb="7">
      <t>シュッショウ</t>
    </rPh>
    <phoneticPr fontId="10"/>
  </si>
  <si>
    <t>退院先の場所</t>
    <rPh sb="0" eb="1">
      <t>シリゾ</t>
    </rPh>
    <rPh sb="1" eb="2">
      <t>イン</t>
    </rPh>
    <rPh sb="2" eb="3">
      <t>サキ</t>
    </rPh>
    <rPh sb="4" eb="5">
      <t>バ</t>
    </rPh>
    <rPh sb="5" eb="6">
      <t>ジョ</t>
    </rPh>
    <phoneticPr fontId="10"/>
  </si>
  <si>
    <t>うち家庭へ退院</t>
    <rPh sb="2" eb="4">
      <t>カテイ</t>
    </rPh>
    <rPh sb="5" eb="7">
      <t>タイイン</t>
    </rPh>
    <phoneticPr fontId="10"/>
  </si>
  <si>
    <t>うち他の病院、診療所へ転院</t>
    <rPh sb="2" eb="3">
      <t>タ</t>
    </rPh>
    <rPh sb="4" eb="6">
      <t>ビョウイン</t>
    </rPh>
    <rPh sb="7" eb="10">
      <t>シンリョウジョ</t>
    </rPh>
    <rPh sb="11" eb="12">
      <t>テン</t>
    </rPh>
    <rPh sb="12" eb="13">
      <t>イン</t>
    </rPh>
    <phoneticPr fontId="10"/>
  </si>
  <si>
    <t>うち介護老人保健施設に入所</t>
    <rPh sb="2" eb="4">
      <t>カイゴ</t>
    </rPh>
    <rPh sb="4" eb="6">
      <t>ロウジン</t>
    </rPh>
    <rPh sb="6" eb="8">
      <t>ホケン</t>
    </rPh>
    <rPh sb="8" eb="10">
      <t>シセツ</t>
    </rPh>
    <rPh sb="11" eb="13">
      <t>ニュウショ</t>
    </rPh>
    <phoneticPr fontId="10"/>
  </si>
  <si>
    <t>うち介護老人福祉施設に入所</t>
    <rPh sb="2" eb="4">
      <t>カイゴ</t>
    </rPh>
    <rPh sb="4" eb="6">
      <t>ロウジン</t>
    </rPh>
    <rPh sb="6" eb="8">
      <t>フクシ</t>
    </rPh>
    <rPh sb="8" eb="10">
      <t>シセツ</t>
    </rPh>
    <rPh sb="11" eb="13">
      <t>ニュウショ</t>
    </rPh>
    <phoneticPr fontId="10"/>
  </si>
  <si>
    <t>うち社会福祉施設・有料老人ホーム等に入所</t>
    <rPh sb="2" eb="4">
      <t>シャカイ</t>
    </rPh>
    <rPh sb="4" eb="6">
      <t>フクシ</t>
    </rPh>
    <rPh sb="6" eb="8">
      <t>シセツ</t>
    </rPh>
    <rPh sb="9" eb="11">
      <t>ユウリョウ</t>
    </rPh>
    <rPh sb="11" eb="13">
      <t>ロウジン</t>
    </rPh>
    <rPh sb="16" eb="17">
      <t>トウ</t>
    </rPh>
    <rPh sb="18" eb="20">
      <t>ニュウショ</t>
    </rPh>
    <phoneticPr fontId="10"/>
  </si>
  <si>
    <t>うち終了（死亡退院等）</t>
    <phoneticPr fontId="10"/>
  </si>
  <si>
    <t>年間</t>
    <rPh sb="0" eb="1">
      <t>ネン</t>
    </rPh>
    <phoneticPr fontId="3"/>
  </si>
  <si>
    <t>新規入院患者数（年間）</t>
    <rPh sb="0" eb="2">
      <t>シンキ</t>
    </rPh>
    <rPh sb="2" eb="4">
      <t>ニュウイン</t>
    </rPh>
    <rPh sb="4" eb="7">
      <t>カンジャスウ</t>
    </rPh>
    <rPh sb="8" eb="9">
      <t>ネン</t>
    </rPh>
    <phoneticPr fontId="10"/>
  </si>
  <si>
    <t>退院患者数（年間）</t>
    <rPh sb="0" eb="2">
      <t>タイイン</t>
    </rPh>
    <rPh sb="2" eb="4">
      <t>カンジャ</t>
    </rPh>
    <rPh sb="4" eb="5">
      <t>スウ</t>
    </rPh>
    <rPh sb="6" eb="7">
      <t>ネン</t>
    </rPh>
    <phoneticPr fontId="10"/>
  </si>
  <si>
    <t>退院後に在宅医療を必要とする患者の状況</t>
    <rPh sb="0" eb="3">
      <t>タイインゴ</t>
    </rPh>
    <rPh sb="4" eb="6">
      <t>ザイタク</t>
    </rPh>
    <rPh sb="6" eb="8">
      <t>イリョウ</t>
    </rPh>
    <rPh sb="9" eb="11">
      <t>ヒツヨウ</t>
    </rPh>
    <rPh sb="14" eb="16">
      <t>カンジャ</t>
    </rPh>
    <rPh sb="17" eb="19">
      <t>ジョウキョウ</t>
    </rPh>
    <phoneticPr fontId="10"/>
  </si>
  <si>
    <t>在宅医療を行った患者数</t>
    <rPh sb="0" eb="2">
      <t>ザイタク</t>
    </rPh>
    <rPh sb="2" eb="4">
      <t>イリョウ</t>
    </rPh>
    <rPh sb="5" eb="6">
      <t>オコナ</t>
    </rPh>
    <rPh sb="8" eb="11">
      <t>カンジャスウ</t>
    </rPh>
    <phoneticPr fontId="10"/>
  </si>
  <si>
    <t xml:space="preserve">訪問診療、往診のうち、定期的・計画的に患者宅を訪問して診療することを訪問診療といい、緊急時などに患者の求めに応じて訪問して診療することを往診といいます。値は、これらの診療を行った患者の延べ数です。
</t>
    <phoneticPr fontId="3"/>
  </si>
  <si>
    <t>看取りを行った患者数</t>
    <rPh sb="0" eb="2">
      <t>ミト</t>
    </rPh>
    <rPh sb="4" eb="5">
      <t>オコナ</t>
    </rPh>
    <rPh sb="7" eb="9">
      <t>カンジャ</t>
    </rPh>
    <rPh sb="9" eb="10">
      <t>スウ</t>
    </rPh>
    <phoneticPr fontId="10"/>
  </si>
  <si>
    <t>うち自宅での看取り数</t>
    <rPh sb="2" eb="4">
      <t>ジタク</t>
    </rPh>
    <rPh sb="9" eb="10">
      <t>スウ</t>
    </rPh>
    <phoneticPr fontId="10"/>
  </si>
  <si>
    <t>うち自宅以外での看取り数</t>
    <rPh sb="2" eb="4">
      <t>ジタク</t>
    </rPh>
    <rPh sb="4" eb="6">
      <t>イガイ</t>
    </rPh>
    <rPh sb="11" eb="12">
      <t>スウ</t>
    </rPh>
    <phoneticPr fontId="10"/>
  </si>
  <si>
    <t>うち連携医療機関での看取り数</t>
    <rPh sb="2" eb="4">
      <t>レンケイ</t>
    </rPh>
    <rPh sb="4" eb="6">
      <t>イリョウ</t>
    </rPh>
    <rPh sb="6" eb="8">
      <t>キカン</t>
    </rPh>
    <rPh sb="13" eb="14">
      <t>スウ</t>
    </rPh>
    <phoneticPr fontId="10"/>
  </si>
  <si>
    <t>うち連携医療機関以外での看取り数</t>
    <rPh sb="2" eb="4">
      <t>レンケイ</t>
    </rPh>
    <rPh sb="4" eb="6">
      <t>イリョウ</t>
    </rPh>
    <rPh sb="6" eb="8">
      <t>キカン</t>
    </rPh>
    <rPh sb="8" eb="10">
      <t>イガイ</t>
    </rPh>
    <rPh sb="15" eb="16">
      <t>スウ</t>
    </rPh>
    <phoneticPr fontId="10"/>
  </si>
  <si>
    <t>・リハビリテーションの実施状況</t>
    <rPh sb="11" eb="13">
      <t>ジッシ</t>
    </rPh>
    <rPh sb="13" eb="15">
      <t>ジョウキョウ</t>
    </rPh>
    <phoneticPr fontId="10"/>
  </si>
  <si>
    <t>・医科歯科の連携状況</t>
    <phoneticPr fontId="3"/>
  </si>
  <si>
    <t>◆医療内容に関する情報（手術、リハビリテーションの実施状況など）</t>
    <phoneticPr fontId="3"/>
  </si>
  <si>
    <t>分娩件数（正常分娩、帝王切開を含む、死産を除く）</t>
    <rPh sb="0" eb="2">
      <t>ブンベン</t>
    </rPh>
    <rPh sb="2" eb="4">
      <t>ケンスウ</t>
    </rPh>
    <rPh sb="5" eb="7">
      <t>セイジョウ</t>
    </rPh>
    <rPh sb="7" eb="9">
      <t>ブンベン</t>
    </rPh>
    <rPh sb="10" eb="12">
      <t>テイオウ</t>
    </rPh>
    <rPh sb="12" eb="14">
      <t>セッカイ</t>
    </rPh>
    <rPh sb="15" eb="16">
      <t>フク</t>
    </rPh>
    <rPh sb="18" eb="20">
      <t>シザン</t>
    </rPh>
    <rPh sb="21" eb="22">
      <t>ノゾ</t>
    </rPh>
    <phoneticPr fontId="10"/>
  </si>
  <si>
    <t xml:space="preserve">分娩件数は、分娩を行った患者数です。
</t>
    <phoneticPr fontId="10"/>
  </si>
  <si>
    <t>救急医療の実施状況</t>
    <rPh sb="0" eb="2">
      <t>キュウキュウ</t>
    </rPh>
    <rPh sb="2" eb="4">
      <t>イリョウ</t>
    </rPh>
    <rPh sb="5" eb="7">
      <t>ジッシ</t>
    </rPh>
    <rPh sb="7" eb="9">
      <t>ジョウキョウ</t>
    </rPh>
    <phoneticPr fontId="10"/>
  </si>
  <si>
    <t xml:space="preserve">休日に受診した患者延べ数は、休日（日曜、祝日、年末年始）に受診した患者数と、そのうち診療後にただちに入院が必要となった患者数です。
</t>
    <phoneticPr fontId="10"/>
  </si>
  <si>
    <t>うち診察後直ちに入院となった患者延べ数</t>
    <rPh sb="2" eb="4">
      <t>シンサツ</t>
    </rPh>
    <rPh sb="4" eb="5">
      <t>ゴ</t>
    </rPh>
    <rPh sb="5" eb="6">
      <t>タダ</t>
    </rPh>
    <rPh sb="8" eb="10">
      <t>ニュウイン</t>
    </rPh>
    <rPh sb="14" eb="16">
      <t>カンジャ</t>
    </rPh>
    <rPh sb="16" eb="17">
      <t>ノ</t>
    </rPh>
    <rPh sb="18" eb="19">
      <t>スウ</t>
    </rPh>
    <phoneticPr fontId="10"/>
  </si>
  <si>
    <t xml:space="preserve">夜間・時間外に受診した患者延べ数は、夜間・時間外（医療機関が表示する診療時間以外の時間（休日を除く））に受診した患者数と、そのうち診療後にただちに入院が必要となった患者数です。
</t>
    <phoneticPr fontId="3"/>
  </si>
  <si>
    <t xml:space="preserve">救急車の受入件数は、救急車や救急医療用ヘリコプター等により搬送され受け入れた患者数です。
</t>
    <phoneticPr fontId="3"/>
  </si>
  <si>
    <t>リハビリテーションの実施状況</t>
    <phoneticPr fontId="10"/>
  </si>
  <si>
    <t>リハビリテーションを実施した患者の割合</t>
    <rPh sb="10" eb="12">
      <t>ジッシ</t>
    </rPh>
    <rPh sb="14" eb="16">
      <t>カンジャ</t>
    </rPh>
    <rPh sb="17" eb="19">
      <t>ワリアイ</t>
    </rPh>
    <phoneticPr fontId="10"/>
  </si>
  <si>
    <t xml:space="preserve">リハビリテーションを実施した患者の割合は、入院患者のうち、疾患や状態に応じたリハビリテーションが実施された患者の割合です。
</t>
    <rPh sb="21" eb="23">
      <t>ニュウイン</t>
    </rPh>
    <rPh sb="23" eb="25">
      <t>カンジャ</t>
    </rPh>
    <rPh sb="48" eb="50">
      <t>ジッシ</t>
    </rPh>
    <rPh sb="56" eb="58">
      <t>ワリアイ</t>
    </rPh>
    <phoneticPr fontId="2"/>
  </si>
  <si>
    <t>うち入院時の日常生活機能評価10点以上の患者数</t>
    <rPh sb="2" eb="4">
      <t>ニュウイン</t>
    </rPh>
    <rPh sb="4" eb="5">
      <t>ジ</t>
    </rPh>
    <rPh sb="6" eb="8">
      <t>ニチジョウ</t>
    </rPh>
    <rPh sb="8" eb="10">
      <t>セイカツ</t>
    </rPh>
    <rPh sb="10" eb="12">
      <t>キノウ</t>
    </rPh>
    <rPh sb="12" eb="14">
      <t>ヒョウカ</t>
    </rPh>
    <rPh sb="16" eb="17">
      <t>テン</t>
    </rPh>
    <rPh sb="17" eb="19">
      <t>イジョウ</t>
    </rPh>
    <rPh sb="20" eb="22">
      <t>カンジャ</t>
    </rPh>
    <rPh sb="22" eb="23">
      <t>スウ</t>
    </rPh>
    <phoneticPr fontId="10"/>
  </si>
  <si>
    <t>-</t>
  </si>
  <si>
    <t/>
  </si>
  <si>
    <t>○公表している項目の中には、診療報酬制度上で定められた診療行為の定義に従って集計した項目が多くありますが、その項目の解説については、
　医療関係者以外の方にも分かりやすい表現とする趣旨で記載しているため、診療報酬制度上の定義を詳細には記載していない場合があります。</t>
  </si>
  <si>
    <t>基本情報（職員配置、届出の状況など）</t>
    <phoneticPr fontId="3"/>
  </si>
  <si>
    <t>患者の入退院等の状況</t>
    <phoneticPr fontId="10"/>
  </si>
  <si>
    <t>医療内容に関する情報
（手術、リハビリテーションの実施状況など）</t>
    <phoneticPr fontId="3"/>
  </si>
  <si>
    <t>休棟中(今後再開する予定)</t>
    <phoneticPr fontId="3"/>
  </si>
  <si>
    <t>休棟中(今後廃止する予定)</t>
    <phoneticPr fontId="3"/>
  </si>
  <si>
    <t>無回答等</t>
    <phoneticPr fontId="3"/>
  </si>
  <si>
    <t>2025年7月1日時点の予定病床数</t>
    <rPh sb="4" eb="5">
      <t>ネン</t>
    </rPh>
    <rPh sb="6" eb="7">
      <t>ガツ</t>
    </rPh>
    <rPh sb="8" eb="9">
      <t>ニチ</t>
    </rPh>
    <rPh sb="9" eb="11">
      <t>ジテン</t>
    </rPh>
    <rPh sb="12" eb="14">
      <t>ヨテイ</t>
    </rPh>
    <rPh sb="14" eb="17">
      <t>ビョウショウスウ</t>
    </rPh>
    <phoneticPr fontId="10"/>
  </si>
  <si>
    <t>入院患者の状況（年間／入院前の場所・退院先の場所の状況）</t>
    <rPh sb="0" eb="2">
      <t>ニュウイン</t>
    </rPh>
    <rPh sb="2" eb="4">
      <t>カンジャ</t>
    </rPh>
    <rPh sb="5" eb="7">
      <t>ジョウキョウ</t>
    </rPh>
    <rPh sb="11" eb="13">
      <t>ニュウイン</t>
    </rPh>
    <rPh sb="13" eb="14">
      <t>マエ</t>
    </rPh>
    <rPh sb="15" eb="17">
      <t>バショ</t>
    </rPh>
    <rPh sb="18" eb="20">
      <t>タイイン</t>
    </rPh>
    <rPh sb="20" eb="21">
      <t>サキ</t>
    </rPh>
    <rPh sb="22" eb="24">
      <t>バショ</t>
    </rPh>
    <rPh sb="25" eb="27">
      <t>ジョウキョウ</t>
    </rPh>
    <phoneticPr fontId="3"/>
  </si>
  <si>
    <t>うち介護医療院からの入院</t>
    <rPh sb="2" eb="4">
      <t>カイゴ</t>
    </rPh>
    <rPh sb="4" eb="6">
      <t>イリョウ</t>
    </rPh>
    <rPh sb="6" eb="7">
      <t>イン</t>
    </rPh>
    <rPh sb="10" eb="12">
      <t>ニュウイン</t>
    </rPh>
    <phoneticPr fontId="10"/>
  </si>
  <si>
    <t>うち介護医療院に入所</t>
    <rPh sb="2" eb="4">
      <t>カイゴ</t>
    </rPh>
    <rPh sb="4" eb="6">
      <t>イリョウ</t>
    </rPh>
    <rPh sb="6" eb="7">
      <t>イン</t>
    </rPh>
    <rPh sb="8" eb="10">
      <t>ニュウショ</t>
    </rPh>
    <phoneticPr fontId="10"/>
  </si>
  <si>
    <t>※並び順に注意！</t>
    <rPh sb="1" eb="2">
      <t>ナラ</t>
    </rPh>
    <rPh sb="3" eb="4">
      <t>ジュン</t>
    </rPh>
    <rPh sb="5" eb="7">
      <t>チュウイ</t>
    </rPh>
    <phoneticPr fontId="3"/>
  </si>
  <si>
    <t>メニューへ戻る</t>
    <rPh sb="5" eb="6">
      <t>モド</t>
    </rPh>
    <phoneticPr fontId="3"/>
  </si>
  <si>
    <t>休棟予定</t>
    <phoneticPr fontId="10"/>
  </si>
  <si>
    <t>廃止予定</t>
    <rPh sb="0" eb="2">
      <t>ハイシ</t>
    </rPh>
    <phoneticPr fontId="10"/>
  </si>
  <si>
    <t>介護保険施設等へ移行予定</t>
    <phoneticPr fontId="10"/>
  </si>
  <si>
    <t>無回答等</t>
    <phoneticPr fontId="10"/>
  </si>
  <si>
    <t>変更予定年月</t>
    <rPh sb="0" eb="2">
      <t>ヘンコウ</t>
    </rPh>
    <rPh sb="2" eb="4">
      <t>ヨテイ</t>
    </rPh>
    <rPh sb="4" eb="6">
      <t>ネンゲツ</t>
    </rPh>
    <phoneticPr fontId="10"/>
  </si>
  <si>
    <t>うち介護施設・福祉施設からの入院</t>
    <rPh sb="2" eb="4">
      <t>カイゴ</t>
    </rPh>
    <rPh sb="4" eb="6">
      <t>シセツ</t>
    </rPh>
    <rPh sb="7" eb="9">
      <t>フクシ</t>
    </rPh>
    <rPh sb="9" eb="11">
      <t>シセツ</t>
    </rPh>
    <rPh sb="14" eb="16">
      <t>ニュウイン</t>
    </rPh>
    <phoneticPr fontId="10"/>
  </si>
  <si>
    <t>休日に受診した患者延べ数（年間）</t>
    <rPh sb="0" eb="2">
      <t>キュウジツ</t>
    </rPh>
    <rPh sb="3" eb="5">
      <t>ジュシン</t>
    </rPh>
    <rPh sb="7" eb="9">
      <t>カンジャ</t>
    </rPh>
    <rPh sb="9" eb="10">
      <t>ノ</t>
    </rPh>
    <rPh sb="11" eb="12">
      <t>カズ</t>
    </rPh>
    <rPh sb="13" eb="15">
      <t>ネンカン</t>
    </rPh>
    <phoneticPr fontId="10"/>
  </si>
  <si>
    <t>夜間・時間外に受診した患者延べ数（年間）</t>
    <rPh sb="0" eb="2">
      <t>ヤカン</t>
    </rPh>
    <rPh sb="3" eb="6">
      <t>ジカンガイ</t>
    </rPh>
    <rPh sb="7" eb="9">
      <t>ジュシン</t>
    </rPh>
    <rPh sb="11" eb="13">
      <t>カンジャ</t>
    </rPh>
    <rPh sb="13" eb="14">
      <t>ノ</t>
    </rPh>
    <rPh sb="15" eb="16">
      <t>スウ</t>
    </rPh>
    <phoneticPr fontId="10"/>
  </si>
  <si>
    <t>救急車の受入件数（年間）</t>
    <rPh sb="0" eb="3">
      <t>キュウキュウシャ</t>
    </rPh>
    <rPh sb="4" eb="6">
      <t>ウケイレ</t>
    </rPh>
    <rPh sb="6" eb="8">
      <t>ケンスウ</t>
    </rPh>
    <phoneticPr fontId="10"/>
  </si>
  <si>
    <t>2025年7月1日時点における病床の機能の予定において、介護保険施設等へ移行予定を選択した場合</t>
    <rPh sb="4" eb="5">
      <t>ネン</t>
    </rPh>
    <rPh sb="6" eb="7">
      <t>ガツ</t>
    </rPh>
    <rPh sb="8" eb="9">
      <t>ニチ</t>
    </rPh>
    <rPh sb="9" eb="11">
      <t>ジテン</t>
    </rPh>
    <rPh sb="15" eb="17">
      <t>ビョウショウ</t>
    </rPh>
    <rPh sb="18" eb="20">
      <t>キノウ</t>
    </rPh>
    <rPh sb="21" eb="23">
      <t>ヨテイ</t>
    </rPh>
    <rPh sb="28" eb="30">
      <t>カイゴ</t>
    </rPh>
    <rPh sb="30" eb="32">
      <t>ホケン</t>
    </rPh>
    <rPh sb="32" eb="35">
      <t>シセツナド</t>
    </rPh>
    <rPh sb="36" eb="40">
      <t>イコウヨテイ</t>
    </rPh>
    <rPh sb="41" eb="43">
      <t>センタク</t>
    </rPh>
    <rPh sb="45" eb="47">
      <t>バアイ</t>
    </rPh>
    <phoneticPr fontId="10"/>
  </si>
  <si>
    <t>機能区分の選択状況（2025年7月1日時点における病床の機能の予定）</t>
    <rPh sb="0" eb="2">
      <t>キノウ</t>
    </rPh>
    <rPh sb="2" eb="4">
      <t>クブン</t>
    </rPh>
    <rPh sb="5" eb="7">
      <t>センタク</t>
    </rPh>
    <rPh sb="7" eb="9">
      <t>ジョウキョウ</t>
    </rPh>
    <phoneticPr fontId="10"/>
  </si>
  <si>
    <t>過去1年間の間に入院部門の再編・見直しがあった場合の報告対象期間</t>
    <rPh sb="0" eb="2">
      <t>カコ</t>
    </rPh>
    <rPh sb="3" eb="5">
      <t>ネンカン</t>
    </rPh>
    <rPh sb="6" eb="7">
      <t>アイダ</t>
    </rPh>
    <rPh sb="8" eb="10">
      <t>ニュウイン</t>
    </rPh>
    <rPh sb="10" eb="12">
      <t>ブモン</t>
    </rPh>
    <rPh sb="13" eb="15">
      <t>サイヘン</t>
    </rPh>
    <rPh sb="16" eb="18">
      <t>ミナオ</t>
    </rPh>
    <rPh sb="23" eb="25">
      <t>バアイ</t>
    </rPh>
    <rPh sb="26" eb="28">
      <t>ホウコク</t>
    </rPh>
    <rPh sb="28" eb="30">
      <t>タイショウ</t>
    </rPh>
    <rPh sb="30" eb="32">
      <t>キカン</t>
    </rPh>
    <phoneticPr fontId="10"/>
  </si>
  <si>
    <t>往診を実施した患者延べ数（年間）</t>
    <rPh sb="0" eb="2">
      <t>オウシン</t>
    </rPh>
    <rPh sb="3" eb="5">
      <t>ジッシ</t>
    </rPh>
    <rPh sb="7" eb="9">
      <t>カンジャ</t>
    </rPh>
    <rPh sb="9" eb="10">
      <t>ノ</t>
    </rPh>
    <rPh sb="11" eb="12">
      <t>スウ</t>
    </rPh>
    <phoneticPr fontId="10"/>
  </si>
  <si>
    <t>訪問診療を実施した患者延べ数（年間）</t>
    <rPh sb="0" eb="2">
      <t>ホウモン</t>
    </rPh>
    <rPh sb="2" eb="4">
      <t>シンリョウ</t>
    </rPh>
    <rPh sb="5" eb="7">
      <t>ジッシ</t>
    </rPh>
    <rPh sb="9" eb="11">
      <t>カンジャ</t>
    </rPh>
    <rPh sb="11" eb="12">
      <t>ノ</t>
    </rPh>
    <rPh sb="13" eb="14">
      <t>スウ</t>
    </rPh>
    <phoneticPr fontId="10"/>
  </si>
  <si>
    <t>うち、機能的自立度評価法（FIM）得点で55点以下の患者数</t>
    <phoneticPr fontId="3"/>
  </si>
  <si>
    <t>分娩</t>
    <phoneticPr fontId="10"/>
  </si>
  <si>
    <t>・分娩</t>
    <rPh sb="1" eb="3">
      <t>ブンベン</t>
    </rPh>
    <phoneticPr fontId="10"/>
  </si>
  <si>
    <t>機能区分の選択状況（2020（令和2）年7月1日時点の機能）</t>
    <rPh sb="0" eb="2">
      <t>キノウ</t>
    </rPh>
    <rPh sb="2" eb="4">
      <t>クブン</t>
    </rPh>
    <rPh sb="5" eb="7">
      <t>センタク</t>
    </rPh>
    <rPh sb="7" eb="9">
      <t>ジョウキョウ</t>
    </rPh>
    <phoneticPr fontId="10"/>
  </si>
  <si>
    <t>設置主体（2020（令和2）年7月1日時点）</t>
    <phoneticPr fontId="3"/>
  </si>
  <si>
    <t xml:space="preserve">入院部門の再編・見直しがあった場合の報告対象期間は、令和元年7月1日～令和2年6月30日の期間内に病棟の再編・見直しを行ったことで、過去1年間分の状況を報告することが困難な場合に、令和2年7月1日時点の病棟単位で報告が可能な過去の期間です。
</t>
    <rPh sb="26" eb="28">
      <t>レイワ</t>
    </rPh>
    <rPh sb="28" eb="29">
      <t>モト</t>
    </rPh>
    <phoneticPr fontId="3"/>
  </si>
  <si>
    <t>様式1診療所票(8)</t>
    <phoneticPr fontId="3"/>
  </si>
  <si>
    <t>様式1診療所票(9)</t>
    <phoneticPr fontId="3"/>
  </si>
  <si>
    <t>様式1診療所票(10)</t>
    <phoneticPr fontId="3"/>
  </si>
  <si>
    <t>「2025年7月1日時点の機能の実現」に向けて、それ以前に変更予定がある場合</t>
    <phoneticPr fontId="10"/>
  </si>
  <si>
    <t>様式1診療所票(11)</t>
    <phoneticPr fontId="3"/>
  </si>
  <si>
    <t>様式1診療所票(5)</t>
    <phoneticPr fontId="3"/>
  </si>
  <si>
    <t>様式1診療所票(13)</t>
    <phoneticPr fontId="3"/>
  </si>
  <si>
    <t xml:space="preserve">医療機関の病床（ベッド）は、法律（医療法）の許可を得た上で設置することとされており、許可を受けた病床のうち、過去1年間に実際に患者を受け入れた病床数（※）を稼働病床数として示しています。
　なお、病室の広さは患者一人あたり6．4平方メートル以上と定められていますが、平成13年3月1日以前に許可を受けた医療機関は、6．4平方メートル未満でも可とされており、医療法上の経過措置に該当する病床として扱われます。
　また医療法では、病床のうち、主として長期にわたり療養を必要とする患者が入院するための病床を療養病床と呼んで区分しています。
　療養病床の中には、医療保険を適用した医療サービスを提供するのではなく、介護保険を適用した介護サービスを提供する病床もあります。前者は医療療養病床、後者は介護療養病床と呼んでいます。
（※）過去1年間に最も多く患者を収容した時点で使用した病床数と定義して算出。
</t>
    <phoneticPr fontId="10"/>
  </si>
  <si>
    <t>様式1診療所票(14)</t>
    <phoneticPr fontId="3"/>
  </si>
  <si>
    <t>様式1診療所票(15)</t>
    <phoneticPr fontId="3"/>
  </si>
  <si>
    <t>様式1診療所票(16)</t>
    <phoneticPr fontId="3"/>
  </si>
  <si>
    <t>様式1診療所票(17)</t>
    <phoneticPr fontId="3"/>
  </si>
  <si>
    <t>様式1診療所票(17)後</t>
    <phoneticPr fontId="3"/>
  </si>
  <si>
    <t>様式1診療所票(77)</t>
    <phoneticPr fontId="3"/>
  </si>
  <si>
    <t xml:space="preserve">主とする診療科は、5割以上の患者を診療している診療科を示しています。5割を超える診療科がない場合は、上位3つの診療科を示しています。
</t>
    <phoneticPr fontId="10"/>
  </si>
  <si>
    <t>様式1診療所票(77)-1</t>
    <phoneticPr fontId="3"/>
  </si>
  <si>
    <t>複数ある場合、上位3つ</t>
    <phoneticPr fontId="3"/>
  </si>
  <si>
    <t>様式1診療所票(77)-2</t>
    <phoneticPr fontId="3"/>
  </si>
  <si>
    <t>様式1診療所票(77)-3</t>
    <phoneticPr fontId="3"/>
  </si>
  <si>
    <t>様式1診療所票(18)</t>
    <phoneticPr fontId="3"/>
  </si>
  <si>
    <t>入院基本料とは、入院時の基本料金に該当する点数ですが、種類によっては基本料金だけでなく、一定の検査や薬の費用などが包括されている場合もあります。病床を利用する患者の状態や職員の配置状況に応じて入院1日あたりの点数が設定されていて、様々な区分があります。
　この項目は、医療機関において、どの入院基本料の病床がいくつ設定されているか（届出病床数）を示します。</t>
    <phoneticPr fontId="10"/>
  </si>
  <si>
    <t>様式1診療所票(19)</t>
    <phoneticPr fontId="3"/>
  </si>
  <si>
    <t>様式1診療所票(20)</t>
    <phoneticPr fontId="3"/>
  </si>
  <si>
    <t>様式1診療所票(103)</t>
    <phoneticPr fontId="3"/>
  </si>
  <si>
    <t>様式1診療所票(22)</t>
    <phoneticPr fontId="3"/>
  </si>
  <si>
    <t>様式1診療所票(23)</t>
    <phoneticPr fontId="3"/>
  </si>
  <si>
    <t>様式1診療所票(24)</t>
    <phoneticPr fontId="3"/>
  </si>
  <si>
    <t>様式1診療所票(25)</t>
    <phoneticPr fontId="3"/>
  </si>
  <si>
    <t>様式1診療所票(26)</t>
    <phoneticPr fontId="3"/>
  </si>
  <si>
    <t>様式1診療所票(27)</t>
    <phoneticPr fontId="3"/>
  </si>
  <si>
    <t>様式1診療所票(28)</t>
    <phoneticPr fontId="3"/>
  </si>
  <si>
    <t>様式1診療所票(29)</t>
    <phoneticPr fontId="3"/>
  </si>
  <si>
    <t>様式1診療所票(30)</t>
    <phoneticPr fontId="3"/>
  </si>
  <si>
    <t>様式1診療所票(31)</t>
    <phoneticPr fontId="3"/>
  </si>
  <si>
    <t>様式1診療所票(32)</t>
    <phoneticPr fontId="3"/>
  </si>
  <si>
    <t>様式1診療所票(33)</t>
    <phoneticPr fontId="3"/>
  </si>
  <si>
    <t>様式1診療所票(34)</t>
    <phoneticPr fontId="3"/>
  </si>
  <si>
    <t>様式1診療所票(35)</t>
    <phoneticPr fontId="3"/>
  </si>
  <si>
    <t>様式1診療所票(140)</t>
    <phoneticPr fontId="3"/>
  </si>
  <si>
    <t>様式1診療所票(141)</t>
    <phoneticPr fontId="3"/>
  </si>
  <si>
    <t>様式1診療所票(142)</t>
    <phoneticPr fontId="3"/>
  </si>
  <si>
    <t>様式1診療所票(143)</t>
    <phoneticPr fontId="3"/>
  </si>
  <si>
    <t>様式1診療所票(144)</t>
    <phoneticPr fontId="3"/>
  </si>
  <si>
    <t>様式1診療所票(145)</t>
    <phoneticPr fontId="3"/>
  </si>
  <si>
    <t>様式1診療所票(146)</t>
    <phoneticPr fontId="3"/>
  </si>
  <si>
    <t>様式1診療所票(123)</t>
    <phoneticPr fontId="3"/>
  </si>
  <si>
    <t>様式1診療所票(124)</t>
    <phoneticPr fontId="3"/>
  </si>
  <si>
    <t>様式1診療所票(125)</t>
    <phoneticPr fontId="3"/>
  </si>
  <si>
    <t>様式1診療所票(126)</t>
    <phoneticPr fontId="3"/>
  </si>
  <si>
    <t>様式1診療所票(127)</t>
    <phoneticPr fontId="3"/>
  </si>
  <si>
    <t>様式1診療所票(128)</t>
    <phoneticPr fontId="3"/>
  </si>
  <si>
    <t>様式1診療所票(129)</t>
    <phoneticPr fontId="3"/>
  </si>
  <si>
    <t>様式1診療所票(130)</t>
    <phoneticPr fontId="3"/>
  </si>
  <si>
    <t>様式1診療所票(131)</t>
    <phoneticPr fontId="3"/>
  </si>
  <si>
    <t>様式1診療所票(132)</t>
    <phoneticPr fontId="3"/>
  </si>
  <si>
    <t>様式1診療所票(133)</t>
    <phoneticPr fontId="3"/>
  </si>
  <si>
    <t>様式1診療所票(134)</t>
    <phoneticPr fontId="3"/>
  </si>
  <si>
    <t>様式1診療所票(135)</t>
    <phoneticPr fontId="3"/>
  </si>
  <si>
    <t>様式1診療所票(136)</t>
    <phoneticPr fontId="3"/>
  </si>
  <si>
    <t>様式1診療所票(137)</t>
    <phoneticPr fontId="3"/>
  </si>
  <si>
    <t>様式1診療所票(138)</t>
    <phoneticPr fontId="3"/>
  </si>
  <si>
    <t>様式1診療所票(139)</t>
    <phoneticPr fontId="3"/>
  </si>
  <si>
    <t>様式1診療所票(12)</t>
    <phoneticPr fontId="3"/>
  </si>
  <si>
    <t>様式1診療所票(146)後</t>
    <phoneticPr fontId="3"/>
  </si>
  <si>
    <t>様式1診療所票(78)</t>
    <phoneticPr fontId="3"/>
  </si>
  <si>
    <t xml:space="preserve">1年間の入院患者の状況は、令和元年7月1日から令和2年6月30日までに入院、退院した患者数を示す項目です。
</t>
    <phoneticPr fontId="3"/>
  </si>
  <si>
    <t>様式1診療所票(79)</t>
    <phoneticPr fontId="3"/>
  </si>
  <si>
    <t>様式1診療所票(80)</t>
    <phoneticPr fontId="3"/>
  </si>
  <si>
    <t>様式1診療所票(81)</t>
    <phoneticPr fontId="3"/>
  </si>
  <si>
    <t>様式1診療所票(82)</t>
    <phoneticPr fontId="3"/>
  </si>
  <si>
    <t>様式1診療所票(83)</t>
    <phoneticPr fontId="3"/>
  </si>
  <si>
    <t xml:space="preserve">年間の入院患者の状況は、令和元年7月1日～令和2年6月30日の1年間に入院を受け入れた患者の入院前の場所、退院した患者の退院先の場所を示す項目です。
</t>
    <phoneticPr fontId="3"/>
  </si>
  <si>
    <t>様式1診療所票(84)</t>
    <phoneticPr fontId="3"/>
  </si>
  <si>
    <t>様式1診療所票(85)</t>
    <phoneticPr fontId="3"/>
  </si>
  <si>
    <t>様式1診療所票(86)</t>
    <phoneticPr fontId="3"/>
  </si>
  <si>
    <t>様式1診療所票(87)</t>
    <phoneticPr fontId="3"/>
  </si>
  <si>
    <t>様式1診療所票(88)</t>
    <phoneticPr fontId="3"/>
  </si>
  <si>
    <t>様式1診療所票(89)</t>
    <phoneticPr fontId="3"/>
  </si>
  <si>
    <t>様式1診療所票(90)</t>
    <phoneticPr fontId="3"/>
  </si>
  <si>
    <t>様式1診療所票(91)</t>
    <phoneticPr fontId="3"/>
  </si>
  <si>
    <t>様式1診療所票(92)</t>
    <phoneticPr fontId="3"/>
  </si>
  <si>
    <t>様式1診療所票(93)</t>
    <phoneticPr fontId="3"/>
  </si>
  <si>
    <t>様式1診療所票(94)</t>
    <phoneticPr fontId="3"/>
  </si>
  <si>
    <t>様式1診療所票(95)</t>
    <phoneticPr fontId="3"/>
  </si>
  <si>
    <t>様式1診療所票(96)</t>
    <phoneticPr fontId="3"/>
  </si>
  <si>
    <t>様式1診療所票(97)</t>
    <phoneticPr fontId="3"/>
  </si>
  <si>
    <t>様式1診療所票(98)</t>
    <phoneticPr fontId="3"/>
  </si>
  <si>
    <t xml:space="preserve">退院後に在宅医療を必要とする患者の状況は、令和元年7月1日～令和2年6月30日の1年間に退院した患者に対する、在宅医療の提供の必要性に関する項目です。
</t>
    <phoneticPr fontId="3"/>
  </si>
  <si>
    <t>様式1診療所票(100)</t>
    <phoneticPr fontId="3"/>
  </si>
  <si>
    <t>退院後1か月以内に自院が在宅医療を提供する予定の患者数</t>
    <phoneticPr fontId="10"/>
  </si>
  <si>
    <t>様式1診療所票(101)</t>
    <phoneticPr fontId="3"/>
  </si>
  <si>
    <t>退院後1か月以内に他施設が在宅医療を提供する予定の患者</t>
    <phoneticPr fontId="10"/>
  </si>
  <si>
    <t>様式1診療所票(99)</t>
    <phoneticPr fontId="3"/>
  </si>
  <si>
    <t>退院後1か月以内に在宅医療を必要としない患者（死亡退院含む）</t>
    <phoneticPr fontId="10"/>
  </si>
  <si>
    <t>様式1診療所票(102)</t>
    <phoneticPr fontId="3"/>
  </si>
  <si>
    <t>退院後1か月以内に在宅医療の実施予定が不明の患者</t>
    <phoneticPr fontId="10"/>
  </si>
  <si>
    <t>様式1診療所票(104)</t>
    <phoneticPr fontId="3"/>
  </si>
  <si>
    <t>様式1診療所票(105)</t>
    <phoneticPr fontId="3"/>
  </si>
  <si>
    <t>様式1診療所票(106)</t>
    <phoneticPr fontId="3"/>
  </si>
  <si>
    <t>直近1年間で在宅療養を担当した患者のうち、医療機関以外での看取り数（年間）</t>
    <phoneticPr fontId="10"/>
  </si>
  <si>
    <t xml:space="preserve">看取りとは、患者の死期まで見守り臨終に付きそうことをいいます。値は、令和元年7月1日から令和2年6月30日までの1年間に在宅療養を担当し、看取りまで支援した患者について、その看取りを行った場所や数を示しています。
</t>
    <phoneticPr fontId="3"/>
  </si>
  <si>
    <t>様式1診療所票(107)</t>
    <phoneticPr fontId="3"/>
  </si>
  <si>
    <t>様式1診療所票(108)</t>
    <phoneticPr fontId="3"/>
  </si>
  <si>
    <t>様式1診療所票(109)</t>
    <phoneticPr fontId="3"/>
  </si>
  <si>
    <t>直近1年間で在宅療養を担当した患者のうち、医療機関での看取り数（年間）</t>
    <phoneticPr fontId="10"/>
  </si>
  <si>
    <t>様式1診療所票(110)</t>
    <phoneticPr fontId="3"/>
  </si>
  <si>
    <t>様式1診療所票(111)</t>
    <phoneticPr fontId="3"/>
  </si>
  <si>
    <t>様式1診療所票(112)</t>
    <phoneticPr fontId="3"/>
  </si>
  <si>
    <t>様式1診療所票(113)</t>
    <phoneticPr fontId="3"/>
  </si>
  <si>
    <t>様式1診療所票(114)</t>
    <phoneticPr fontId="3"/>
  </si>
  <si>
    <t>様式1診療所票(115)</t>
    <phoneticPr fontId="3"/>
  </si>
  <si>
    <t>様式1診療所票(116)</t>
    <phoneticPr fontId="3"/>
  </si>
  <si>
    <t>様式1診療所票(117)</t>
    <phoneticPr fontId="3"/>
  </si>
  <si>
    <t>様式1診療所票(118)</t>
    <phoneticPr fontId="3"/>
  </si>
  <si>
    <t>様式1診療所票(119)</t>
    <phoneticPr fontId="3"/>
  </si>
  <si>
    <t>平均リハビリテーション単位数（1患者1日当たり）</t>
    <phoneticPr fontId="10"/>
  </si>
  <si>
    <t xml:space="preserve">平均リハビリテーション単位数は、上記の患者に対し行ったリハビリテーションの平均的な量を示す値です。20分実施した場合を1単位とみなします。
</t>
    <phoneticPr fontId="0"/>
  </si>
  <si>
    <t>様式1診療所票(120)</t>
    <phoneticPr fontId="3"/>
  </si>
  <si>
    <t>過去1年間の総退院患者数</t>
    <phoneticPr fontId="10"/>
  </si>
  <si>
    <t xml:space="preserve">過去1年間の総退院患者数等は、令和元年7月1日から令和2年6月30日までの1年間に、退院した患者の数と、日常生活機能評価に応じた患者の数です。
日常生活機能評価とは、寝返り、起き上がりなど日常生活で行う基本的な動作について、「自分でできる」「できない」を評価する指標です。自力での動作が難しいほど、点数が高くなります。
</t>
    <phoneticPr fontId="3"/>
  </si>
  <si>
    <t>様式1診療所票(121)</t>
    <phoneticPr fontId="3"/>
  </si>
  <si>
    <t>うち、入院時に比較して退院時（転院時を含む）の日常生活機能評価が3点以上（回復期リハビリテーション病棟入院料1又は2の場合には4点以上）又はFIM総得点で12点以上（回復期リハビリテーション病棟入院料1又は2の場合には16点以上）改善していた患者数</t>
    <phoneticPr fontId="3"/>
  </si>
  <si>
    <t>様式1診療所票(122)</t>
    <phoneticPr fontId="3"/>
  </si>
  <si>
    <t>うち、FIM総得点で12点以上（回復期リハビリテーション病棟入院料1又は2の場合には16点以上）改善していた患者数</t>
    <phoneticPr fontId="3"/>
  </si>
  <si>
    <t>吉野産婦人科医院</t>
    <phoneticPr fontId="3"/>
  </si>
  <si>
    <t>〒699-0624 出雲市斐川町上直江３０９１</t>
    <phoneticPr fontId="3"/>
  </si>
  <si>
    <t>〇</t>
  </si>
  <si>
    <t>個人</t>
  </si>
  <si>
    <t>産婦人科</t>
  </si>
  <si>
    <t>有</t>
  </si>
  <si>
    <t>無</t>
  </si>
  <si>
    <t>*</t>
  </si>
  <si>
    <t>診療時間やアクセス方法等の情報はこちら</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0">
    <numFmt numFmtId="176" formatCode="#,##0&quot;床&quot;"/>
    <numFmt numFmtId="177" formatCode="#,##0&quot;件&quot;"/>
    <numFmt numFmtId="178" formatCode="General&quot;人&quot;"/>
    <numFmt numFmtId="179" formatCode="#,##0&quot;人&quot;"/>
    <numFmt numFmtId="180" formatCode="#,##0.0&quot;人&quot;"/>
    <numFmt numFmtId="181" formatCode="#,##0&quot;台&quot;"/>
    <numFmt numFmtId="182" formatCode="#0&quot;月&quot;"/>
    <numFmt numFmtId="183" formatCode="0.0\%"/>
    <numFmt numFmtId="184" formatCode="#,##0.0&quot;単位&quot;"/>
    <numFmt numFmtId="185" formatCode="0&quot;年&quot;"/>
  </numFmts>
  <fonts count="37" x14ac:knownFonts="1">
    <font>
      <sz val="11"/>
      <color theme="1"/>
      <name val="ＭＳ Ｐゴシック"/>
      <family val="2"/>
      <charset val="128"/>
      <scheme val="minor"/>
    </font>
    <font>
      <sz val="11"/>
      <color theme="1"/>
      <name val="ＭＳ Ｐゴシック"/>
      <family val="3"/>
      <charset val="128"/>
      <scheme val="minor"/>
    </font>
    <font>
      <sz val="14"/>
      <color theme="1"/>
      <name val="ＭＳ Ｐゴシック"/>
      <family val="3"/>
      <charset val="128"/>
      <scheme val="minor"/>
    </font>
    <font>
      <sz val="6"/>
      <name val="ＭＳ Ｐゴシック"/>
      <family val="2"/>
      <charset val="128"/>
      <scheme val="minor"/>
    </font>
    <font>
      <sz val="12"/>
      <color theme="1"/>
      <name val="ＭＳ Ｐゴシック"/>
      <family val="3"/>
      <charset val="128"/>
      <scheme val="minor"/>
    </font>
    <font>
      <i/>
      <sz val="11"/>
      <color theme="1"/>
      <name val="ＭＳ Ｐゴシック"/>
      <family val="3"/>
      <charset val="128"/>
      <scheme val="minor"/>
    </font>
    <font>
      <b/>
      <sz val="16"/>
      <name val="ＭＳ Ｐゴシック"/>
      <family val="3"/>
      <charset val="128"/>
      <scheme val="minor"/>
    </font>
    <font>
      <b/>
      <sz val="12"/>
      <color theme="1"/>
      <name val="ＭＳ Ｐゴシック"/>
      <family val="3"/>
      <charset val="128"/>
      <scheme val="minor"/>
    </font>
    <font>
      <b/>
      <sz val="14"/>
      <color theme="1"/>
      <name val="ＭＳ Ｐゴシック"/>
      <family val="3"/>
      <charset val="128"/>
      <scheme val="minor"/>
    </font>
    <font>
      <sz val="14"/>
      <color indexed="12"/>
      <name val="ＭＳ Ｐゴシック"/>
      <family val="3"/>
      <charset val="128"/>
    </font>
    <font>
      <sz val="6"/>
      <name val="ＭＳ Ｐゴシック"/>
      <family val="3"/>
      <charset val="128"/>
    </font>
    <font>
      <sz val="11"/>
      <color rgb="FF0000FF"/>
      <name val="ＭＳ Ｐゴシック"/>
      <family val="3"/>
      <charset val="128"/>
    </font>
    <font>
      <sz val="12"/>
      <color rgb="FF0000FF"/>
      <name val="ＭＳ Ｐゴシック"/>
      <family val="3"/>
      <charset val="128"/>
    </font>
    <font>
      <sz val="12"/>
      <name val="ＭＳ Ｐゴシック"/>
      <family val="3"/>
      <charset val="128"/>
      <scheme val="minor"/>
    </font>
    <font>
      <u/>
      <sz val="14"/>
      <color rgb="FF0070C0"/>
      <name val="ＭＳ Ｐゴシック"/>
      <family val="3"/>
      <charset val="128"/>
      <scheme val="minor"/>
    </font>
    <font>
      <sz val="11"/>
      <name val="ＭＳ Ｐゴシック"/>
      <family val="3"/>
      <charset val="128"/>
      <scheme val="minor"/>
    </font>
    <font>
      <sz val="14"/>
      <color rgb="FFFF0000"/>
      <name val="ＭＳ Ｐゴシック"/>
      <family val="3"/>
      <charset val="128"/>
      <scheme val="minor"/>
    </font>
    <font>
      <u/>
      <sz val="11"/>
      <color theme="10"/>
      <name val="ＭＳ Ｐゴシック"/>
      <family val="2"/>
      <charset val="128"/>
      <scheme val="minor"/>
    </font>
    <font>
      <u/>
      <sz val="11"/>
      <color rgb="FF0000FF"/>
      <name val="ＭＳ Ｐゴシック"/>
      <family val="3"/>
      <charset val="128"/>
      <scheme val="minor"/>
    </font>
    <font>
      <sz val="12"/>
      <color rgb="FFFF0000"/>
      <name val="ＭＳ Ｐゴシック"/>
      <family val="3"/>
      <charset val="128"/>
      <scheme val="minor"/>
    </font>
    <font>
      <sz val="11"/>
      <name val="ＭＳ Ｐゴシック"/>
      <family val="3"/>
      <charset val="128"/>
    </font>
    <font>
      <b/>
      <u/>
      <sz val="14"/>
      <color theme="10"/>
      <name val="ＭＳ Ｐゴシック"/>
      <family val="3"/>
      <charset val="128"/>
      <scheme val="minor"/>
    </font>
    <font>
      <b/>
      <u/>
      <sz val="14"/>
      <color rgb="FF0000FF"/>
      <name val="ＭＳ Ｐゴシック"/>
      <family val="3"/>
      <charset val="128"/>
      <scheme val="minor"/>
    </font>
    <font>
      <sz val="11"/>
      <color theme="10"/>
      <name val="ＭＳ Ｐゴシック"/>
      <family val="2"/>
      <charset val="128"/>
      <scheme val="minor"/>
    </font>
    <font>
      <b/>
      <sz val="16"/>
      <color theme="1"/>
      <name val="ＤＦ特太ゴシック体"/>
      <family val="3"/>
      <charset val="128"/>
    </font>
    <font>
      <i/>
      <sz val="11"/>
      <color theme="0"/>
      <name val="ＭＳ Ｐゴシック"/>
      <family val="3"/>
      <charset val="128"/>
      <scheme val="minor"/>
    </font>
    <font>
      <sz val="9"/>
      <color theme="1"/>
      <name val="ＭＳ Ｐゴシック"/>
      <family val="3"/>
      <charset val="128"/>
      <scheme val="minor"/>
    </font>
    <font>
      <i/>
      <sz val="11"/>
      <name val="ＭＳ Ｐゴシック"/>
      <family val="3"/>
      <charset val="128"/>
      <scheme val="minor"/>
    </font>
    <font>
      <b/>
      <sz val="14"/>
      <name val="ＭＳ Ｐゴシック"/>
      <family val="3"/>
      <charset val="128"/>
      <scheme val="minor"/>
    </font>
    <font>
      <b/>
      <sz val="13"/>
      <color rgb="FF00B050"/>
      <name val="ＭＳ Ｐゴシック"/>
      <family val="3"/>
      <charset val="128"/>
      <scheme val="minor"/>
    </font>
    <font>
      <b/>
      <sz val="12"/>
      <color rgb="FF00B050"/>
      <name val="ＭＳ Ｐゴシック"/>
      <family val="3"/>
      <charset val="128"/>
      <scheme val="minor"/>
    </font>
    <font>
      <sz val="11"/>
      <color rgb="FF00B050"/>
      <name val="ＭＳ Ｐゴシック"/>
      <family val="3"/>
      <charset val="128"/>
      <scheme val="minor"/>
    </font>
    <font>
      <sz val="9"/>
      <color rgb="FFFF0000"/>
      <name val="ＭＳ Ｐゴシック"/>
      <family val="3"/>
      <charset val="128"/>
      <scheme val="minor"/>
    </font>
    <font>
      <sz val="9"/>
      <name val="ＭＳ Ｐゴシック"/>
      <family val="3"/>
      <charset val="128"/>
      <scheme val="minor"/>
    </font>
    <font>
      <sz val="11"/>
      <color rgb="FFFF0000"/>
      <name val="ＭＳ Ｐゴシック"/>
      <family val="3"/>
      <charset val="128"/>
      <scheme val="minor"/>
    </font>
    <font>
      <sz val="11"/>
      <color theme="0" tint="-0.34998626667073579"/>
      <name val="ＭＳ Ｐゴシック"/>
      <family val="3"/>
      <charset val="128"/>
      <scheme val="minor"/>
    </font>
    <font>
      <b/>
      <sz val="12"/>
      <color rgb="FFFF00FF"/>
      <name val="ＭＳ Ｐゴシック"/>
      <family val="3"/>
      <charset val="128"/>
      <scheme val="minor"/>
    </font>
  </fonts>
  <fills count="8">
    <fill>
      <patternFill patternType="none"/>
    </fill>
    <fill>
      <patternFill patternType="gray125"/>
    </fill>
    <fill>
      <patternFill patternType="solid">
        <fgColor theme="0"/>
        <bgColor indexed="64"/>
      </patternFill>
    </fill>
    <fill>
      <patternFill patternType="solid">
        <fgColor theme="8" tint="0.79998168889431442"/>
        <bgColor indexed="64"/>
      </patternFill>
    </fill>
    <fill>
      <patternFill patternType="solid">
        <fgColor theme="2"/>
        <bgColor indexed="64"/>
      </patternFill>
    </fill>
    <fill>
      <patternFill patternType="solid">
        <fgColor rgb="FFFFFFCC"/>
        <bgColor indexed="64"/>
      </patternFill>
    </fill>
    <fill>
      <patternFill patternType="solid">
        <fgColor theme="0" tint="-0.14999847407452621"/>
        <bgColor indexed="64"/>
      </patternFill>
    </fill>
    <fill>
      <patternFill patternType="solid">
        <fgColor theme="7" tint="0.79998168889431442"/>
        <bgColor indexed="64"/>
      </patternFill>
    </fill>
  </fills>
  <borders count="16">
    <border>
      <left/>
      <right/>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style="thin">
        <color indexed="64"/>
      </right>
      <top/>
      <bottom/>
      <diagonal/>
    </border>
  </borders>
  <cellStyleXfs count="4">
    <xf numFmtId="0" fontId="0" fillId="0" borderId="0">
      <alignment vertical="center"/>
    </xf>
    <xf numFmtId="0" fontId="1" fillId="0" borderId="0">
      <alignment vertical="center"/>
    </xf>
    <xf numFmtId="0" fontId="17" fillId="0" borderId="0" applyNumberFormat="0" applyFill="0" applyBorder="0" applyAlignment="0" applyProtection="0">
      <alignment vertical="center"/>
    </xf>
    <xf numFmtId="0" fontId="20" fillId="0" borderId="0"/>
  </cellStyleXfs>
  <cellXfs count="304">
    <xf numFmtId="0" fontId="0" fillId="0" borderId="0" xfId="0">
      <alignment vertical="center"/>
    </xf>
    <xf numFmtId="0" fontId="2" fillId="2" borderId="0" xfId="1" applyFont="1" applyFill="1" applyBorder="1">
      <alignment vertical="center"/>
    </xf>
    <xf numFmtId="0" fontId="4" fillId="2" borderId="0" xfId="1" applyFont="1" applyFill="1" applyAlignment="1">
      <alignment vertical="center"/>
    </xf>
    <xf numFmtId="0" fontId="4" fillId="2" borderId="0" xfId="1" applyFont="1" applyFill="1" applyBorder="1" applyAlignment="1">
      <alignment vertical="center"/>
    </xf>
    <xf numFmtId="0" fontId="4" fillId="2" borderId="0" xfId="1" applyFont="1" applyFill="1" applyAlignment="1">
      <alignment horizontal="left" vertical="center"/>
    </xf>
    <xf numFmtId="0" fontId="1" fillId="2" borderId="0" xfId="1" applyFont="1" applyFill="1" applyAlignment="1">
      <alignment vertical="center"/>
    </xf>
    <xf numFmtId="0" fontId="1" fillId="2" borderId="0" xfId="1" applyFont="1" applyFill="1" applyAlignment="1">
      <alignment horizontal="center" vertical="center"/>
    </xf>
    <xf numFmtId="0" fontId="1" fillId="2" borderId="0" xfId="1" applyFont="1" applyFill="1" applyAlignment="1">
      <alignment horizontal="right" vertical="center"/>
    </xf>
    <xf numFmtId="0" fontId="5" fillId="2" borderId="0" xfId="1" applyFont="1" applyFill="1" applyAlignment="1">
      <alignment horizontal="right" vertical="center"/>
    </xf>
    <xf numFmtId="0" fontId="2" fillId="2" borderId="0" xfId="1" applyFont="1" applyFill="1">
      <alignment vertical="center"/>
    </xf>
    <xf numFmtId="0" fontId="6" fillId="2" borderId="0" xfId="1" applyFont="1" applyFill="1" applyBorder="1">
      <alignment vertical="center"/>
    </xf>
    <xf numFmtId="49" fontId="7" fillId="2" borderId="0" xfId="1" applyNumberFormat="1" applyFont="1" applyFill="1" applyBorder="1" applyAlignment="1">
      <alignment horizontal="left" vertical="center"/>
    </xf>
    <xf numFmtId="0" fontId="8" fillId="2" borderId="0" xfId="1" applyFont="1" applyFill="1" applyBorder="1">
      <alignment vertical="center"/>
    </xf>
    <xf numFmtId="0" fontId="7" fillId="2" borderId="0" xfId="1" applyFont="1" applyFill="1" applyBorder="1" applyAlignment="1">
      <alignment horizontal="left" vertical="center"/>
    </xf>
    <xf numFmtId="0" fontId="11" fillId="2" borderId="0" xfId="1" applyFont="1" applyFill="1" applyAlignment="1">
      <alignment vertical="center"/>
    </xf>
    <xf numFmtId="0" fontId="12" fillId="2" borderId="0" xfId="1" applyFont="1" applyFill="1" applyAlignment="1">
      <alignment horizontal="left" vertical="center"/>
    </xf>
    <xf numFmtId="0" fontId="2" fillId="2" borderId="0" xfId="1" applyFont="1" applyFill="1" applyBorder="1" applyAlignment="1">
      <alignment horizontal="left" vertical="center"/>
    </xf>
    <xf numFmtId="0" fontId="8" fillId="2" borderId="0" xfId="1" applyFont="1" applyFill="1" applyBorder="1" applyAlignment="1">
      <alignment vertical="center"/>
    </xf>
    <xf numFmtId="0" fontId="7" fillId="2" borderId="0" xfId="1" applyFont="1" applyFill="1" applyAlignment="1">
      <alignment vertical="center"/>
    </xf>
    <xf numFmtId="0" fontId="7" fillId="2" borderId="0" xfId="1" applyFont="1" applyFill="1" applyAlignment="1">
      <alignment horizontal="left" vertical="center"/>
    </xf>
    <xf numFmtId="0" fontId="2" fillId="2" borderId="0" xfId="1" applyFont="1" applyFill="1" applyAlignment="1">
      <alignment horizontal="left" vertical="center" wrapText="1"/>
    </xf>
    <xf numFmtId="0" fontId="2" fillId="2" borderId="0" xfId="1" applyFont="1" applyFill="1" applyBorder="1" applyAlignment="1">
      <alignment horizontal="left" vertical="center" wrapText="1"/>
    </xf>
    <xf numFmtId="0" fontId="4" fillId="3" borderId="1" xfId="1" applyFont="1" applyFill="1" applyBorder="1" applyAlignment="1">
      <alignment horizontal="center" vertical="center"/>
    </xf>
    <xf numFmtId="0" fontId="13" fillId="2" borderId="2" xfId="1" applyFont="1" applyFill="1" applyBorder="1" applyAlignment="1">
      <alignment horizontal="center" vertical="center"/>
    </xf>
    <xf numFmtId="0" fontId="14" fillId="2" borderId="0" xfId="1" applyFont="1" applyFill="1" applyBorder="1" applyAlignment="1">
      <alignment horizontal="left" vertical="center"/>
    </xf>
    <xf numFmtId="0" fontId="13" fillId="2" borderId="1" xfId="1" applyFont="1" applyFill="1" applyBorder="1" applyAlignment="1">
      <alignment horizontal="center" vertical="center"/>
    </xf>
    <xf numFmtId="0" fontId="13" fillId="0" borderId="1" xfId="1" applyFont="1" applyFill="1" applyBorder="1" applyAlignment="1">
      <alignment horizontal="center" vertical="center"/>
    </xf>
    <xf numFmtId="0" fontId="15" fillId="0" borderId="1" xfId="1" applyFont="1" applyFill="1" applyBorder="1" applyAlignment="1">
      <alignment horizontal="center" vertical="center"/>
    </xf>
    <xf numFmtId="0" fontId="15" fillId="0" borderId="0" xfId="1" applyFont="1" applyFill="1" applyBorder="1" applyAlignment="1">
      <alignment horizontal="center" vertical="center"/>
    </xf>
    <xf numFmtId="0" fontId="15" fillId="2" borderId="1" xfId="1" applyFont="1" applyFill="1" applyBorder="1" applyAlignment="1">
      <alignment horizontal="center" vertical="center"/>
    </xf>
    <xf numFmtId="0" fontId="15" fillId="0" borderId="0" xfId="1" applyFont="1" applyFill="1" applyBorder="1" applyAlignment="1">
      <alignment vertical="center"/>
    </xf>
    <xf numFmtId="0" fontId="15" fillId="2" borderId="0" xfId="1" applyFont="1" applyFill="1" applyBorder="1" applyAlignment="1">
      <alignment horizontal="center" vertical="center"/>
    </xf>
    <xf numFmtId="0" fontId="16" fillId="2" borderId="0" xfId="1" applyFont="1" applyFill="1" applyBorder="1">
      <alignment vertical="center"/>
    </xf>
    <xf numFmtId="0" fontId="18" fillId="2" borderId="0" xfId="1" applyFont="1" applyFill="1" applyAlignment="1">
      <alignment vertical="center"/>
    </xf>
    <xf numFmtId="0" fontId="18" fillId="2" borderId="0" xfId="1" applyFont="1" applyFill="1" applyAlignment="1">
      <alignment horizontal="center" vertical="center"/>
    </xf>
    <xf numFmtId="0" fontId="19" fillId="2" borderId="0" xfId="1" applyFont="1" applyFill="1" applyAlignment="1">
      <alignment vertical="top" wrapText="1"/>
    </xf>
    <xf numFmtId="0" fontId="4" fillId="2" borderId="0" xfId="1" applyFont="1" applyFill="1" applyAlignment="1">
      <alignment vertical="center" wrapText="1"/>
    </xf>
    <xf numFmtId="0" fontId="4" fillId="2" borderId="0" xfId="1" applyFont="1" applyFill="1" applyAlignment="1">
      <alignment horizontal="left" vertical="center" wrapText="1"/>
    </xf>
    <xf numFmtId="0" fontId="19" fillId="2" borderId="0" xfId="1" applyFont="1" applyFill="1" applyAlignment="1">
      <alignment vertical="center" wrapText="1"/>
    </xf>
    <xf numFmtId="0" fontId="8" fillId="2" borderId="0" xfId="1" applyFont="1" applyFill="1" applyAlignment="1">
      <alignment vertical="center"/>
    </xf>
    <xf numFmtId="0" fontId="8" fillId="2" borderId="0" xfId="3" applyNumberFormat="1" applyFont="1" applyFill="1" applyBorder="1" applyAlignment="1">
      <alignment vertical="center"/>
    </xf>
    <xf numFmtId="0" fontId="8" fillId="0" borderId="0" xfId="0" applyFont="1" applyBorder="1" applyAlignment="1">
      <alignment vertical="center"/>
    </xf>
    <xf numFmtId="0" fontId="1" fillId="0" borderId="0" xfId="1">
      <alignment vertical="center"/>
    </xf>
    <xf numFmtId="0" fontId="8" fillId="2" borderId="0" xfId="1" applyFont="1" applyFill="1" applyAlignment="1">
      <alignment horizontal="center" vertical="center"/>
    </xf>
    <xf numFmtId="0" fontId="21" fillId="2" borderId="0" xfId="2" applyFont="1" applyFill="1" applyAlignment="1">
      <alignment vertical="center"/>
    </xf>
    <xf numFmtId="0" fontId="8" fillId="2" borderId="0" xfId="1" applyFont="1" applyFill="1" applyAlignment="1">
      <alignment horizontal="left" vertical="center" wrapText="1"/>
    </xf>
    <xf numFmtId="0" fontId="22" fillId="2" borderId="0" xfId="1" applyFont="1" applyFill="1" applyAlignment="1">
      <alignment horizontal="left" vertical="center"/>
    </xf>
    <xf numFmtId="0" fontId="8" fillId="2" borderId="0" xfId="1" applyFont="1" applyFill="1">
      <alignment vertical="center"/>
    </xf>
    <xf numFmtId="0" fontId="18" fillId="2" borderId="0" xfId="1" applyFont="1" applyFill="1" applyAlignment="1">
      <alignment horizontal="left" vertical="center"/>
    </xf>
    <xf numFmtId="0" fontId="4" fillId="2" borderId="0" xfId="1" applyFont="1" applyFill="1" applyAlignment="1">
      <alignment horizontal="center" vertical="center" wrapText="1"/>
    </xf>
    <xf numFmtId="0" fontId="17" fillId="2" borderId="0" xfId="2" applyFill="1" applyAlignment="1">
      <alignment vertical="center"/>
    </xf>
    <xf numFmtId="0" fontId="17" fillId="2" borderId="0" xfId="2" applyFill="1" applyAlignment="1">
      <alignment horizontal="left" vertical="center"/>
    </xf>
    <xf numFmtId="0" fontId="23" fillId="2" borderId="0" xfId="2" applyFont="1" applyFill="1" applyAlignment="1">
      <alignment vertical="center"/>
    </xf>
    <xf numFmtId="0" fontId="17" fillId="2" borderId="0" xfId="2" applyFill="1" applyAlignment="1">
      <alignment horizontal="center" vertical="center"/>
    </xf>
    <xf numFmtId="0" fontId="24" fillId="2" borderId="6" xfId="1" applyFont="1" applyFill="1" applyBorder="1" applyAlignment="1">
      <alignment vertical="center"/>
    </xf>
    <xf numFmtId="0" fontId="4" fillId="2" borderId="6" xfId="1" applyFont="1" applyFill="1" applyBorder="1" applyAlignment="1">
      <alignment vertical="center" wrapText="1"/>
    </xf>
    <xf numFmtId="0" fontId="4" fillId="2" borderId="6" xfId="1" applyFont="1" applyFill="1" applyBorder="1" applyAlignment="1">
      <alignment vertical="center"/>
    </xf>
    <xf numFmtId="0" fontId="4" fillId="2" borderId="6" xfId="1" applyFont="1" applyFill="1" applyBorder="1" applyAlignment="1">
      <alignment horizontal="left" vertical="center"/>
    </xf>
    <xf numFmtId="0" fontId="1" fillId="2" borderId="6" xfId="1" applyFont="1" applyFill="1" applyBorder="1" applyAlignment="1">
      <alignment vertical="center"/>
    </xf>
    <xf numFmtId="0" fontId="5" fillId="2" borderId="6" xfId="1" applyFont="1" applyFill="1" applyBorder="1" applyAlignment="1">
      <alignment horizontal="right" vertical="center"/>
    </xf>
    <xf numFmtId="0" fontId="4" fillId="2" borderId="0" xfId="1" applyFont="1" applyFill="1" applyBorder="1" applyAlignment="1">
      <alignment vertical="center" wrapText="1"/>
    </xf>
    <xf numFmtId="0" fontId="1" fillId="2" borderId="0" xfId="1" applyFont="1" applyFill="1" applyBorder="1" applyAlignment="1">
      <alignment vertical="center"/>
    </xf>
    <xf numFmtId="0" fontId="1" fillId="2" borderId="0" xfId="1" applyFont="1" applyFill="1" applyBorder="1" applyAlignment="1">
      <alignment horizontal="center" vertical="center"/>
    </xf>
    <xf numFmtId="0" fontId="5" fillId="2" borderId="0" xfId="1" applyFont="1" applyFill="1" applyBorder="1" applyAlignment="1">
      <alignment horizontal="right" vertical="center"/>
    </xf>
    <xf numFmtId="0" fontId="1" fillId="3" borderId="7" xfId="1" applyFont="1" applyFill="1" applyBorder="1" applyAlignment="1">
      <alignment horizontal="center" vertical="center" wrapText="1"/>
    </xf>
    <xf numFmtId="0" fontId="1" fillId="3" borderId="8" xfId="1" applyFont="1" applyFill="1" applyBorder="1" applyAlignment="1">
      <alignment horizontal="center" vertical="center" wrapText="1"/>
    </xf>
    <xf numFmtId="0" fontId="25" fillId="2" borderId="0" xfId="1" applyFont="1" applyFill="1" applyAlignment="1">
      <alignment horizontal="right" vertical="center"/>
    </xf>
    <xf numFmtId="0" fontId="4" fillId="2" borderId="0" xfId="1" applyFont="1" applyFill="1" applyBorder="1" applyAlignment="1">
      <alignment horizontal="center" vertical="center"/>
    </xf>
    <xf numFmtId="0" fontId="1" fillId="3" borderId="9" xfId="1" applyFont="1" applyFill="1" applyBorder="1" applyAlignment="1">
      <alignment horizontal="right" vertical="center" wrapText="1"/>
    </xf>
    <xf numFmtId="0" fontId="1" fillId="3" borderId="10" xfId="1" applyFont="1" applyFill="1" applyBorder="1" applyAlignment="1">
      <alignment horizontal="center" vertical="center" wrapText="1"/>
    </xf>
    <xf numFmtId="0" fontId="1" fillId="2" borderId="0" xfId="1" applyFont="1" applyFill="1" applyBorder="1" applyAlignment="1">
      <alignment horizontal="center" vertical="center" wrapText="1"/>
    </xf>
    <xf numFmtId="176" fontId="1" fillId="2" borderId="5" xfId="1" applyNumberFormat="1" applyFont="1" applyFill="1" applyBorder="1" applyAlignment="1">
      <alignment horizontal="center" vertical="center"/>
    </xf>
    <xf numFmtId="0" fontId="4" fillId="2" borderId="0" xfId="1" applyFont="1" applyFill="1">
      <alignment vertical="center"/>
    </xf>
    <xf numFmtId="0" fontId="1" fillId="2" borderId="0" xfId="1" applyFont="1" applyFill="1" applyBorder="1" applyAlignment="1">
      <alignment horizontal="right" vertical="center" shrinkToFit="1"/>
    </xf>
    <xf numFmtId="0" fontId="1" fillId="2" borderId="0" xfId="1" applyFont="1" applyFill="1" applyBorder="1" applyAlignment="1">
      <alignment horizontal="center" vertical="center" shrinkToFit="1"/>
    </xf>
    <xf numFmtId="0" fontId="4" fillId="2" borderId="0" xfId="1" applyFont="1" applyFill="1" applyBorder="1">
      <alignment vertical="center"/>
    </xf>
    <xf numFmtId="0" fontId="24" fillId="2" borderId="0" xfId="1" applyFont="1" applyFill="1" applyBorder="1" applyAlignment="1">
      <alignment vertical="center"/>
    </xf>
    <xf numFmtId="0" fontId="1" fillId="2" borderId="0" xfId="1" applyFont="1" applyFill="1" applyBorder="1" applyAlignment="1">
      <alignment horizontal="right" vertical="center"/>
    </xf>
    <xf numFmtId="0" fontId="2" fillId="2" borderId="0" xfId="1" applyFont="1" applyFill="1" applyBorder="1" applyAlignment="1">
      <alignment vertical="center" wrapText="1"/>
    </xf>
    <xf numFmtId="0" fontId="1" fillId="2" borderId="5" xfId="1" applyNumberFormat="1" applyFont="1" applyFill="1" applyBorder="1" applyAlignment="1">
      <alignment horizontal="center" vertical="center" wrapText="1"/>
    </xf>
    <xf numFmtId="0" fontId="4" fillId="2" borderId="0" xfId="1" applyFont="1" applyFill="1" applyBorder="1" applyAlignment="1">
      <alignment horizontal="left" vertical="center" wrapText="1"/>
    </xf>
    <xf numFmtId="0" fontId="5" fillId="2" borderId="0" xfId="1" applyFont="1" applyFill="1" applyBorder="1" applyAlignment="1">
      <alignment horizontal="center" vertical="center" shrinkToFit="1"/>
    </xf>
    <xf numFmtId="0" fontId="5" fillId="2" borderId="0" xfId="1" applyFont="1" applyFill="1" applyBorder="1" applyAlignment="1">
      <alignment horizontal="center" vertical="center"/>
    </xf>
    <xf numFmtId="0" fontId="1" fillId="3" borderId="7" xfId="1" applyFont="1" applyFill="1" applyBorder="1" applyAlignment="1">
      <alignment horizontal="center" vertical="center"/>
    </xf>
    <xf numFmtId="0" fontId="1" fillId="3" borderId="9" xfId="1" applyFont="1" applyFill="1" applyBorder="1" applyAlignment="1">
      <alignment horizontal="right" vertical="center"/>
    </xf>
    <xf numFmtId="0" fontId="7" fillId="2" borderId="0" xfId="1" applyFont="1" applyFill="1" applyBorder="1" applyAlignment="1">
      <alignment vertical="center"/>
    </xf>
    <xf numFmtId="0" fontId="4" fillId="2" borderId="0" xfId="1" applyFont="1" applyFill="1" applyBorder="1" applyAlignment="1">
      <alignment horizontal="center"/>
    </xf>
    <xf numFmtId="0" fontId="4" fillId="2" borderId="0" xfId="1" applyFont="1" applyFill="1" applyBorder="1" applyAlignment="1">
      <alignment horizontal="left"/>
    </xf>
    <xf numFmtId="0" fontId="25" fillId="2" borderId="0" xfId="1" applyFont="1" applyFill="1" applyBorder="1" applyAlignment="1">
      <alignment horizontal="right" vertical="center"/>
    </xf>
    <xf numFmtId="177" fontId="1" fillId="2" borderId="3" xfId="1" applyNumberFormat="1" applyFont="1" applyFill="1" applyBorder="1" applyAlignment="1">
      <alignment horizontal="right" vertical="center" shrinkToFit="1"/>
    </xf>
    <xf numFmtId="0" fontId="2" fillId="2" borderId="0" xfId="1" applyFont="1" applyFill="1" applyBorder="1" applyAlignment="1">
      <alignment vertical="center"/>
    </xf>
    <xf numFmtId="0" fontId="4" fillId="2" borderId="0" xfId="1" applyFont="1" applyFill="1" applyBorder="1" applyAlignment="1">
      <alignment vertical="center" shrinkToFit="1"/>
    </xf>
    <xf numFmtId="0" fontId="4" fillId="2" borderId="0" xfId="1" applyFont="1" applyFill="1" applyBorder="1" applyAlignment="1">
      <alignment horizontal="left" vertical="center" shrinkToFit="1"/>
    </xf>
    <xf numFmtId="0" fontId="13" fillId="5" borderId="3" xfId="1" applyFont="1" applyFill="1" applyBorder="1" applyAlignment="1">
      <alignment horizontal="left" vertical="top" wrapText="1"/>
    </xf>
    <xf numFmtId="0" fontId="25" fillId="2" borderId="0" xfId="1" applyFont="1" applyFill="1" applyAlignment="1">
      <alignment horizontal="center" vertical="center"/>
    </xf>
    <xf numFmtId="0" fontId="27" fillId="2" borderId="0" xfId="1" applyFont="1" applyFill="1" applyAlignment="1">
      <alignment horizontal="right" vertical="center"/>
    </xf>
    <xf numFmtId="0" fontId="1" fillId="3" borderId="12" xfId="1" applyFont="1" applyFill="1" applyBorder="1" applyAlignment="1">
      <alignment horizontal="center" vertical="center" wrapText="1"/>
    </xf>
    <xf numFmtId="0" fontId="1" fillId="3" borderId="15" xfId="1" applyNumberFormat="1" applyFont="1" applyFill="1" applyBorder="1" applyAlignment="1">
      <alignment horizontal="center" vertical="center" wrapText="1"/>
    </xf>
    <xf numFmtId="0" fontId="1" fillId="2" borderId="0" xfId="1" applyFont="1" applyFill="1" applyBorder="1" applyAlignment="1">
      <alignment vertical="center" wrapText="1"/>
    </xf>
    <xf numFmtId="179" fontId="1" fillId="2" borderId="5" xfId="1" applyNumberFormat="1" applyFont="1" applyFill="1" applyBorder="1" applyAlignment="1">
      <alignment horizontal="center" vertical="center"/>
    </xf>
    <xf numFmtId="179" fontId="1" fillId="6" borderId="11" xfId="1" applyNumberFormat="1" applyFont="1" applyFill="1" applyBorder="1" applyAlignment="1">
      <alignment horizontal="right" vertical="center" shrinkToFit="1"/>
    </xf>
    <xf numFmtId="179" fontId="1" fillId="6" borderId="8" xfId="1" applyNumberFormat="1" applyFont="1" applyFill="1" applyBorder="1" applyAlignment="1">
      <alignment horizontal="right" vertical="center" shrinkToFit="1"/>
    </xf>
    <xf numFmtId="180" fontId="1" fillId="2" borderId="5" xfId="1" applyNumberFormat="1" applyFont="1" applyFill="1" applyBorder="1" applyAlignment="1">
      <alignment horizontal="center" vertical="center"/>
    </xf>
    <xf numFmtId="180" fontId="1" fillId="6" borderId="0" xfId="1" applyNumberFormat="1" applyFont="1" applyFill="1" applyBorder="1" applyAlignment="1">
      <alignment horizontal="right" vertical="center" shrinkToFit="1"/>
    </xf>
    <xf numFmtId="180" fontId="1" fillId="6" borderId="14" xfId="1" applyNumberFormat="1" applyFont="1" applyFill="1" applyBorder="1" applyAlignment="1">
      <alignment horizontal="right" vertical="center" shrinkToFit="1"/>
    </xf>
    <xf numFmtId="179" fontId="1" fillId="6" borderId="0" xfId="1" applyNumberFormat="1" applyFont="1" applyFill="1" applyBorder="1" applyAlignment="1">
      <alignment horizontal="right" vertical="center" shrinkToFit="1"/>
    </xf>
    <xf numFmtId="179" fontId="1" fillId="6" borderId="14" xfId="1" applyNumberFormat="1" applyFont="1" applyFill="1" applyBorder="1" applyAlignment="1">
      <alignment horizontal="right" vertical="center" shrinkToFit="1"/>
    </xf>
    <xf numFmtId="0" fontId="1" fillId="2" borderId="5" xfId="1" applyNumberFormat="1" applyFont="1" applyFill="1" applyBorder="1" applyAlignment="1">
      <alignment horizontal="center" vertical="center"/>
    </xf>
    <xf numFmtId="0" fontId="2" fillId="2" borderId="0" xfId="1" applyFont="1" applyFill="1" applyBorder="1" applyAlignment="1">
      <alignment vertical="center" shrinkToFit="1"/>
    </xf>
    <xf numFmtId="0" fontId="4" fillId="2" borderId="0" xfId="1" applyFont="1" applyFill="1" applyBorder="1" applyAlignment="1">
      <alignment horizontal="center" vertical="center" wrapText="1"/>
    </xf>
    <xf numFmtId="0" fontId="4" fillId="5" borderId="3" xfId="1" applyFont="1" applyFill="1" applyBorder="1" applyAlignment="1">
      <alignment horizontal="left" vertical="top" wrapText="1"/>
    </xf>
    <xf numFmtId="0" fontId="8" fillId="0" borderId="0" xfId="1" applyFont="1" applyFill="1" applyBorder="1" applyAlignment="1">
      <alignment horizontal="left" vertical="center"/>
    </xf>
    <xf numFmtId="0" fontId="5" fillId="2" borderId="0" xfId="1" applyFont="1" applyFill="1" applyAlignment="1">
      <alignment horizontal="center" vertical="center"/>
    </xf>
    <xf numFmtId="0" fontId="2" fillId="2" borderId="0" xfId="1" applyFont="1" applyFill="1" applyAlignment="1">
      <alignment horizontal="center" vertical="center"/>
    </xf>
    <xf numFmtId="0" fontId="8" fillId="2" borderId="0" xfId="1" applyFont="1" applyFill="1" applyBorder="1" applyAlignment="1">
      <alignment horizontal="left" vertical="center"/>
    </xf>
    <xf numFmtId="0" fontId="17" fillId="0" borderId="0" xfId="2" applyAlignment="1">
      <alignment horizontal="right" vertical="center"/>
    </xf>
    <xf numFmtId="0" fontId="28" fillId="2" borderId="0" xfId="0" applyFont="1" applyFill="1" applyBorder="1">
      <alignment vertical="center"/>
    </xf>
    <xf numFmtId="0" fontId="0" fillId="2" borderId="0" xfId="0" applyFill="1" applyBorder="1">
      <alignment vertical="center"/>
    </xf>
    <xf numFmtId="0" fontId="1" fillId="3" borderId="13" xfId="1" applyFont="1" applyFill="1" applyBorder="1" applyAlignment="1">
      <alignment horizontal="right" vertical="center" wrapText="1"/>
    </xf>
    <xf numFmtId="0" fontId="2" fillId="2" borderId="0" xfId="1" applyFont="1" applyFill="1" applyBorder="1" applyAlignment="1">
      <alignment horizontal="center" vertical="center"/>
    </xf>
    <xf numFmtId="176" fontId="1" fillId="2" borderId="8" xfId="1" applyNumberFormat="1" applyFont="1" applyFill="1" applyBorder="1" applyAlignment="1">
      <alignment horizontal="center" vertical="center"/>
    </xf>
    <xf numFmtId="0" fontId="2" fillId="2" borderId="0" xfId="1" applyFont="1" applyFill="1" applyAlignment="1">
      <alignment vertical="center" shrinkToFit="1"/>
    </xf>
    <xf numFmtId="182" fontId="15" fillId="2" borderId="13" xfId="1" applyNumberFormat="1" applyFont="1" applyFill="1" applyBorder="1" applyAlignment="1">
      <alignment horizontal="center" vertical="center" shrinkToFit="1"/>
    </xf>
    <xf numFmtId="176" fontId="1" fillId="2" borderId="14" xfId="1" applyNumberFormat="1" applyFont="1" applyFill="1" applyBorder="1" applyAlignment="1">
      <alignment horizontal="center" vertical="center"/>
    </xf>
    <xf numFmtId="179" fontId="15" fillId="2" borderId="13" xfId="1" applyNumberFormat="1" applyFont="1" applyFill="1" applyBorder="1" applyAlignment="1">
      <alignment horizontal="center" vertical="center" wrapText="1"/>
    </xf>
    <xf numFmtId="182" fontId="15" fillId="2" borderId="9" xfId="1" applyNumberFormat="1" applyFont="1" applyFill="1" applyBorder="1" applyAlignment="1">
      <alignment horizontal="center" vertical="center" shrinkToFit="1"/>
    </xf>
    <xf numFmtId="176" fontId="1" fillId="2" borderId="10" xfId="1" applyNumberFormat="1" applyFont="1" applyFill="1" applyBorder="1" applyAlignment="1">
      <alignment horizontal="center" vertical="center"/>
    </xf>
    <xf numFmtId="0" fontId="17" fillId="2" borderId="0" xfId="2" applyFill="1">
      <alignment vertical="center"/>
    </xf>
    <xf numFmtId="0" fontId="24" fillId="0" borderId="6" xfId="0" applyFont="1" applyBorder="1">
      <alignment vertical="center"/>
    </xf>
    <xf numFmtId="0" fontId="4" fillId="2" borderId="6" xfId="1" applyFont="1" applyFill="1" applyBorder="1" applyAlignment="1">
      <alignment horizontal="center" vertical="center"/>
    </xf>
    <xf numFmtId="0" fontId="1" fillId="2" borderId="6" xfId="1" applyFont="1" applyFill="1" applyBorder="1" applyAlignment="1">
      <alignment horizontal="right" vertical="center"/>
    </xf>
    <xf numFmtId="0" fontId="5" fillId="2" borderId="6" xfId="1" applyFont="1" applyFill="1" applyBorder="1" applyAlignment="1">
      <alignment horizontal="center" vertical="center"/>
    </xf>
    <xf numFmtId="0" fontId="4" fillId="2" borderId="0" xfId="1" applyFont="1" applyFill="1" applyBorder="1" applyAlignment="1">
      <alignment horizontal="center" vertical="center" textRotation="255"/>
    </xf>
    <xf numFmtId="0" fontId="4" fillId="2" borderId="0" xfId="1" applyFont="1" applyFill="1" applyBorder="1" applyAlignment="1">
      <alignment horizontal="center" vertical="top" textRotation="255"/>
    </xf>
    <xf numFmtId="0" fontId="4" fillId="4" borderId="13" xfId="1" applyFont="1" applyFill="1" applyBorder="1" applyAlignment="1">
      <alignment vertical="center"/>
    </xf>
    <xf numFmtId="0" fontId="4" fillId="4" borderId="0" xfId="1" applyFont="1" applyFill="1" applyBorder="1">
      <alignment vertical="center"/>
    </xf>
    <xf numFmtId="0" fontId="4" fillId="4" borderId="9" xfId="1" applyFont="1" applyFill="1" applyBorder="1" applyAlignment="1">
      <alignment vertical="center"/>
    </xf>
    <xf numFmtId="0" fontId="4" fillId="4" borderId="6" xfId="1" applyFont="1" applyFill="1" applyBorder="1">
      <alignment vertical="center"/>
    </xf>
    <xf numFmtId="0" fontId="4" fillId="2" borderId="0" xfId="0" applyFont="1" applyFill="1" applyBorder="1" applyAlignment="1">
      <alignment vertical="center"/>
    </xf>
    <xf numFmtId="0" fontId="13" fillId="2" borderId="0" xfId="1" applyFont="1" applyFill="1" applyBorder="1" applyAlignment="1">
      <alignment vertical="top" wrapText="1"/>
    </xf>
    <xf numFmtId="0" fontId="4" fillId="4" borderId="14" xfId="1" applyFont="1" applyFill="1" applyBorder="1" applyAlignment="1">
      <alignment vertical="center"/>
    </xf>
    <xf numFmtId="0" fontId="4" fillId="4" borderId="10" xfId="1" applyFont="1" applyFill="1" applyBorder="1" applyAlignment="1">
      <alignment vertical="center"/>
    </xf>
    <xf numFmtId="0" fontId="24" fillId="2" borderId="6" xfId="0" applyFont="1" applyFill="1" applyBorder="1">
      <alignment vertical="center"/>
    </xf>
    <xf numFmtId="0" fontId="0" fillId="2" borderId="6" xfId="0" applyFill="1" applyBorder="1">
      <alignment vertical="center"/>
    </xf>
    <xf numFmtId="0" fontId="2" fillId="0" borderId="0" xfId="1" applyFont="1" applyFill="1" applyBorder="1">
      <alignment vertical="center"/>
    </xf>
    <xf numFmtId="0" fontId="2" fillId="2" borderId="0" xfId="1" applyFont="1" applyFill="1" applyBorder="1" applyAlignment="1">
      <alignment vertical="center" wrapText="1" shrinkToFit="1"/>
    </xf>
    <xf numFmtId="0" fontId="4" fillId="4" borderId="0" xfId="1" applyFont="1" applyFill="1" applyBorder="1" applyAlignment="1">
      <alignment vertical="center"/>
    </xf>
    <xf numFmtId="49" fontId="29" fillId="2" borderId="0" xfId="1" applyNumberFormat="1" applyFont="1" applyFill="1" applyBorder="1" applyAlignment="1">
      <alignment vertical="center"/>
    </xf>
    <xf numFmtId="49" fontId="30" fillId="2" borderId="0" xfId="1" applyNumberFormat="1" applyFont="1" applyFill="1" applyBorder="1" applyAlignment="1">
      <alignment horizontal="left" vertical="center"/>
    </xf>
    <xf numFmtId="0" fontId="29" fillId="2" borderId="0" xfId="1" applyFont="1" applyFill="1" applyBorder="1" applyAlignment="1">
      <alignment vertical="center"/>
    </xf>
    <xf numFmtId="0" fontId="30" fillId="2" borderId="0" xfId="1" applyFont="1" applyFill="1" applyBorder="1" applyAlignment="1">
      <alignment horizontal="left" vertical="center"/>
    </xf>
    <xf numFmtId="0" fontId="8" fillId="0" borderId="0" xfId="1" applyFont="1" applyFill="1" applyBorder="1">
      <alignment vertical="center"/>
    </xf>
    <xf numFmtId="0" fontId="2" fillId="0" borderId="0" xfId="1" applyFont="1" applyFill="1">
      <alignment vertical="center"/>
    </xf>
    <xf numFmtId="0" fontId="26" fillId="7" borderId="0" xfId="1" applyFont="1" applyFill="1" applyBorder="1">
      <alignment vertical="center"/>
    </xf>
    <xf numFmtId="0" fontId="32" fillId="0" borderId="0" xfId="1" applyFont="1" applyFill="1" applyBorder="1">
      <alignment vertical="center"/>
    </xf>
    <xf numFmtId="0" fontId="32" fillId="7" borderId="0" xfId="1" applyFont="1" applyFill="1" applyBorder="1">
      <alignment vertical="center"/>
    </xf>
    <xf numFmtId="0" fontId="33" fillId="7" borderId="0" xfId="1" applyFont="1" applyFill="1" applyBorder="1">
      <alignment vertical="center"/>
    </xf>
    <xf numFmtId="0" fontId="15" fillId="2" borderId="0" xfId="1" applyFont="1" applyFill="1" applyAlignment="1">
      <alignment vertical="center"/>
    </xf>
    <xf numFmtId="0" fontId="28" fillId="2" borderId="0" xfId="1" applyFont="1" applyFill="1" applyBorder="1">
      <alignment vertical="center"/>
    </xf>
    <xf numFmtId="176" fontId="15" fillId="2" borderId="3" xfId="1" applyNumberFormat="1" applyFont="1" applyFill="1" applyBorder="1" applyAlignment="1">
      <alignment horizontal="center" vertical="center" wrapText="1" shrinkToFit="1"/>
    </xf>
    <xf numFmtId="176" fontId="15" fillId="2" borderId="3" xfId="1" applyNumberFormat="1" applyFont="1" applyFill="1" applyBorder="1" applyAlignment="1">
      <alignment horizontal="right" vertical="center" shrinkToFit="1"/>
    </xf>
    <xf numFmtId="0" fontId="33" fillId="2" borderId="3" xfId="1" applyNumberFormat="1" applyFont="1" applyFill="1" applyBorder="1" applyAlignment="1">
      <alignment horizontal="left" vertical="center" wrapText="1"/>
    </xf>
    <xf numFmtId="0" fontId="15" fillId="2" borderId="3" xfId="1" applyFont="1" applyFill="1" applyBorder="1" applyAlignment="1">
      <alignment horizontal="center" vertical="center" wrapText="1"/>
    </xf>
    <xf numFmtId="177" fontId="15" fillId="2" borderId="3" xfId="1" applyNumberFormat="1" applyFont="1" applyFill="1" applyBorder="1" applyAlignment="1">
      <alignment horizontal="right" vertical="center" shrinkToFit="1"/>
    </xf>
    <xf numFmtId="0" fontId="15" fillId="2" borderId="3" xfId="1" applyNumberFormat="1" applyFont="1" applyFill="1" applyBorder="1" applyAlignment="1">
      <alignment horizontal="center" vertical="center" shrinkToFit="1"/>
    </xf>
    <xf numFmtId="179" fontId="15" fillId="2" borderId="3" xfId="1" applyNumberFormat="1" applyFont="1" applyFill="1" applyBorder="1" applyAlignment="1">
      <alignment horizontal="right" vertical="center" shrinkToFit="1"/>
    </xf>
    <xf numFmtId="180" fontId="15" fillId="2" borderId="3" xfId="1" applyNumberFormat="1" applyFont="1" applyFill="1" applyBorder="1" applyAlignment="1">
      <alignment horizontal="right" vertical="center" shrinkToFit="1"/>
    </xf>
    <xf numFmtId="179" fontId="15" fillId="2" borderId="1" xfId="1" applyNumberFormat="1" applyFont="1" applyFill="1" applyBorder="1" applyAlignment="1">
      <alignment horizontal="right" vertical="center" shrinkToFit="1"/>
    </xf>
    <xf numFmtId="180" fontId="15" fillId="2" borderId="1" xfId="1" applyNumberFormat="1" applyFont="1" applyFill="1" applyBorder="1" applyAlignment="1">
      <alignment horizontal="right" vertical="center" shrinkToFit="1"/>
    </xf>
    <xf numFmtId="181" fontId="15" fillId="2" borderId="3" xfId="1" applyNumberFormat="1" applyFont="1" applyFill="1" applyBorder="1" applyAlignment="1">
      <alignment horizontal="right" vertical="center" shrinkToFit="1"/>
    </xf>
    <xf numFmtId="0" fontId="15" fillId="0" borderId="3" xfId="1" applyFont="1" applyFill="1" applyBorder="1" applyAlignment="1">
      <alignment horizontal="center" vertical="center" shrinkToFit="1"/>
    </xf>
    <xf numFmtId="183" fontId="15" fillId="2" borderId="3" xfId="1" applyNumberFormat="1" applyFont="1" applyFill="1" applyBorder="1" applyAlignment="1">
      <alignment horizontal="right" vertical="center" shrinkToFit="1"/>
    </xf>
    <xf numFmtId="179" fontId="15" fillId="2" borderId="9" xfId="1" applyNumberFormat="1" applyFont="1" applyFill="1" applyBorder="1" applyAlignment="1">
      <alignment horizontal="right" vertical="center" shrinkToFit="1"/>
    </xf>
    <xf numFmtId="184" fontId="15" fillId="2" borderId="3" xfId="1" applyNumberFormat="1" applyFont="1" applyFill="1" applyBorder="1" applyAlignment="1">
      <alignment horizontal="right" vertical="center" shrinkToFit="1"/>
    </xf>
    <xf numFmtId="0" fontId="34" fillId="2" borderId="0" xfId="1" applyFont="1" applyFill="1" applyAlignment="1">
      <alignment horizontal="right" vertical="center"/>
    </xf>
    <xf numFmtId="0" fontId="1" fillId="2" borderId="0" xfId="1" applyFont="1" applyFill="1" applyBorder="1" applyAlignment="1">
      <alignment horizontal="left" vertical="center"/>
    </xf>
    <xf numFmtId="0" fontId="34" fillId="2" borderId="0" xfId="1" applyFont="1" applyFill="1" applyBorder="1" applyAlignment="1">
      <alignment horizontal="left" vertical="center"/>
    </xf>
    <xf numFmtId="0" fontId="34" fillId="2" borderId="0" xfId="1" applyFont="1" applyFill="1" applyAlignment="1">
      <alignment horizontal="left" vertical="center"/>
    </xf>
    <xf numFmtId="0" fontId="34" fillId="2" borderId="0" xfId="1" applyFont="1" applyFill="1" applyBorder="1" applyAlignment="1">
      <alignment horizontal="center" vertical="center"/>
    </xf>
    <xf numFmtId="0" fontId="4" fillId="0" borderId="0" xfId="1" applyFont="1" applyFill="1" applyBorder="1">
      <alignment vertical="center"/>
    </xf>
    <xf numFmtId="0" fontId="1" fillId="2" borderId="0" xfId="1" applyNumberFormat="1" applyFont="1" applyFill="1" applyBorder="1" applyAlignment="1">
      <alignment horizontal="center" vertical="center"/>
    </xf>
    <xf numFmtId="0" fontId="35" fillId="2" borderId="0" xfId="1" applyFont="1" applyFill="1" applyAlignment="1">
      <alignment vertical="center"/>
    </xf>
    <xf numFmtId="49" fontId="13" fillId="2" borderId="1" xfId="1" applyNumberFormat="1" applyFont="1" applyFill="1" applyBorder="1" applyAlignment="1">
      <alignment horizontal="center" vertical="center" wrapText="1"/>
    </xf>
    <xf numFmtId="49" fontId="15" fillId="0" borderId="1" xfId="1" applyNumberFormat="1" applyFont="1" applyFill="1" applyBorder="1" applyAlignment="1">
      <alignment horizontal="center" vertical="center" wrapText="1"/>
    </xf>
    <xf numFmtId="49" fontId="13" fillId="0" borderId="1" xfId="1" applyNumberFormat="1" applyFont="1" applyFill="1" applyBorder="1" applyAlignment="1">
      <alignment horizontal="center" vertical="center" wrapText="1"/>
    </xf>
    <xf numFmtId="0" fontId="2" fillId="0" borderId="0" xfId="1" applyFont="1" applyFill="1" applyAlignment="1">
      <alignment horizontal="left" vertical="center" wrapText="1"/>
    </xf>
    <xf numFmtId="0" fontId="36" fillId="0" borderId="0" xfId="1" applyFont="1" applyFill="1" applyBorder="1">
      <alignment vertical="center"/>
    </xf>
    <xf numFmtId="0" fontId="13" fillId="3" borderId="1" xfId="1" applyFont="1" applyFill="1" applyBorder="1" applyAlignment="1">
      <alignment horizontal="center" vertical="center"/>
    </xf>
    <xf numFmtId="0" fontId="17" fillId="2" borderId="0" xfId="2" applyFill="1">
      <alignment vertical="center"/>
    </xf>
    <xf numFmtId="0" fontId="17" fillId="2" borderId="0" xfId="2" applyFill="1" applyAlignment="1">
      <alignment horizontal="left" vertical="center"/>
    </xf>
    <xf numFmtId="0" fontId="4" fillId="4" borderId="1" xfId="1" applyFont="1" applyFill="1" applyBorder="1" applyAlignment="1">
      <alignment horizontal="left" vertical="center" wrapText="1"/>
    </xf>
    <xf numFmtId="0" fontId="4" fillId="4" borderId="6" xfId="1" applyFont="1" applyFill="1" applyBorder="1" applyAlignment="1">
      <alignment vertical="center" wrapText="1"/>
    </xf>
    <xf numFmtId="0" fontId="4" fillId="4" borderId="13"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5" borderId="1" xfId="1" applyFont="1" applyFill="1" applyBorder="1" applyAlignment="1">
      <alignment horizontal="left" vertical="top" wrapText="1"/>
    </xf>
    <xf numFmtId="0" fontId="4" fillId="2" borderId="0" xfId="1" applyFont="1" applyFill="1" applyBorder="1" applyAlignment="1">
      <alignment horizontal="left" vertical="center"/>
    </xf>
    <xf numFmtId="0" fontId="9" fillId="2" borderId="0" xfId="1" applyFont="1" applyFill="1" applyAlignment="1">
      <alignment vertical="center"/>
    </xf>
    <xf numFmtId="0" fontId="31" fillId="2" borderId="5" xfId="1" applyNumberFormat="1" applyFont="1" applyFill="1" applyBorder="1" applyAlignment="1">
      <alignment horizontal="center" vertical="center" shrinkToFit="1"/>
    </xf>
    <xf numFmtId="179" fontId="15" fillId="2" borderId="5" xfId="1" applyNumberFormat="1" applyFont="1" applyFill="1" applyBorder="1" applyAlignment="1">
      <alignment horizontal="center" vertical="center"/>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185" fontId="15" fillId="2" borderId="7" xfId="1" applyNumberFormat="1" applyFont="1" applyFill="1" applyBorder="1" applyAlignment="1">
      <alignment horizontal="center" vertical="center" shrinkToFit="1"/>
    </xf>
    <xf numFmtId="185" fontId="15" fillId="2" borderId="13" xfId="1" applyNumberFormat="1" applyFont="1" applyFill="1" applyBorder="1" applyAlignment="1">
      <alignment horizontal="center" vertical="center" shrinkToFit="1"/>
    </xf>
    <xf numFmtId="0" fontId="4" fillId="2" borderId="0" xfId="1" applyFont="1" applyFill="1" applyBorder="1" applyAlignment="1">
      <alignment horizontal="left" vertical="center"/>
    </xf>
    <xf numFmtId="0" fontId="17" fillId="0" borderId="0" xfId="2">
      <alignment vertical="center"/>
    </xf>
    <xf numFmtId="0" fontId="17" fillId="0" borderId="0" xfId="2" applyAlignment="1">
      <alignment vertical="center"/>
    </xf>
    <xf numFmtId="0" fontId="4" fillId="4" borderId="4" xfId="1" applyFont="1" applyFill="1" applyBorder="1" applyAlignment="1">
      <alignment vertical="center" wrapText="1"/>
    </xf>
    <xf numFmtId="0" fontId="4" fillId="4" borderId="2" xfId="1" applyFont="1" applyFill="1" applyBorder="1" applyAlignment="1">
      <alignment vertical="center" wrapText="1"/>
    </xf>
    <xf numFmtId="0" fontId="4" fillId="4" borderId="3" xfId="1" applyFont="1" applyFill="1" applyBorder="1" applyAlignment="1">
      <alignment horizontal="center" vertical="center"/>
    </xf>
    <xf numFmtId="0" fontId="4" fillId="4" borderId="4" xfId="1" applyFont="1" applyFill="1" applyBorder="1" applyAlignment="1">
      <alignment horizontal="center" vertical="center"/>
    </xf>
    <xf numFmtId="0" fontId="4" fillId="4" borderId="5" xfId="1" applyFont="1" applyFill="1" applyBorder="1" applyAlignment="1">
      <alignment horizontal="center" vertical="center"/>
    </xf>
    <xf numFmtId="0" fontId="4" fillId="5" borderId="12" xfId="1" applyFont="1" applyFill="1" applyBorder="1" applyAlignment="1">
      <alignment horizontal="left" vertical="top" wrapText="1"/>
    </xf>
    <xf numFmtId="0" fontId="1" fillId="0" borderId="15" xfId="0" applyFont="1" applyBorder="1" applyAlignment="1">
      <alignment horizontal="left" vertical="top" wrapText="1"/>
    </xf>
    <xf numFmtId="0" fontId="1" fillId="0" borderId="2" xfId="0" applyFont="1" applyBorder="1" applyAlignment="1">
      <alignment horizontal="left" vertical="top" wrapText="1"/>
    </xf>
    <xf numFmtId="0" fontId="4" fillId="4" borderId="7" xfId="1" applyFont="1" applyFill="1" applyBorder="1" applyAlignment="1">
      <alignment horizontal="left" vertical="center" wrapText="1"/>
    </xf>
    <xf numFmtId="0" fontId="4" fillId="4" borderId="11" xfId="1" applyFont="1" applyFill="1" applyBorder="1" applyAlignment="1">
      <alignment horizontal="left" vertical="center" wrapText="1"/>
    </xf>
    <xf numFmtId="0" fontId="4" fillId="4" borderId="4" xfId="1" applyFont="1" applyFill="1" applyBorder="1" applyAlignment="1">
      <alignment horizontal="left" vertical="center" wrapText="1"/>
    </xf>
    <xf numFmtId="0" fontId="4" fillId="4" borderId="5" xfId="1" applyFont="1" applyFill="1" applyBorder="1" applyAlignment="1">
      <alignment horizontal="left" vertical="center" wrapText="1"/>
    </xf>
    <xf numFmtId="0" fontId="4" fillId="4" borderId="9" xfId="1" applyFont="1" applyFill="1" applyBorder="1" applyAlignment="1">
      <alignment vertical="center" wrapText="1"/>
    </xf>
    <xf numFmtId="0" fontId="4" fillId="4" borderId="6" xfId="1" applyFont="1" applyFill="1" applyBorder="1" applyAlignment="1">
      <alignment vertical="center" wrapText="1"/>
    </xf>
    <xf numFmtId="0" fontId="13" fillId="4" borderId="3" xfId="1" applyFont="1" applyFill="1" applyBorder="1" applyAlignment="1">
      <alignment horizontal="left" vertical="center" wrapText="1"/>
    </xf>
    <xf numFmtId="0" fontId="13" fillId="4" borderId="4" xfId="1" applyFont="1" applyFill="1" applyBorder="1" applyAlignment="1">
      <alignment horizontal="left" vertical="center" wrapText="1"/>
    </xf>
    <xf numFmtId="0" fontId="13" fillId="4" borderId="5" xfId="1" applyFont="1" applyFill="1" applyBorder="1" applyAlignment="1">
      <alignment horizontal="left" vertical="center" wrapText="1"/>
    </xf>
    <xf numFmtId="0" fontId="4" fillId="4" borderId="1" xfId="1" applyFont="1" applyFill="1" applyBorder="1" applyAlignment="1">
      <alignment horizontal="left" vertical="center" wrapText="1"/>
    </xf>
    <xf numFmtId="0" fontId="0" fillId="0" borderId="1" xfId="0" applyBorder="1" applyAlignment="1">
      <alignment horizontal="left" vertical="center" wrapText="1"/>
    </xf>
    <xf numFmtId="0" fontId="0" fillId="0" borderId="11" xfId="0" applyBorder="1" applyAlignment="1">
      <alignment horizontal="left" vertical="center" wrapText="1"/>
    </xf>
    <xf numFmtId="0" fontId="0" fillId="0" borderId="8" xfId="0" applyBorder="1" applyAlignment="1">
      <alignment horizontal="left" vertical="center" wrapText="1"/>
    </xf>
    <xf numFmtId="0" fontId="4" fillId="4" borderId="3" xfId="1" applyFont="1" applyFill="1" applyBorder="1" applyAlignment="1">
      <alignment horizontal="left" vertical="center" wrapText="1"/>
    </xf>
    <xf numFmtId="0" fontId="1" fillId="0" borderId="4" xfId="0" applyFont="1" applyBorder="1" applyAlignment="1">
      <alignment horizontal="left" vertical="center" wrapText="1"/>
    </xf>
    <xf numFmtId="0" fontId="1" fillId="0" borderId="5" xfId="0" applyFont="1" applyBorder="1" applyAlignment="1">
      <alignment horizontal="left" vertical="center" wrapText="1"/>
    </xf>
    <xf numFmtId="0" fontId="1" fillId="0" borderId="11" xfId="0" applyFont="1" applyBorder="1" applyAlignment="1">
      <alignment horizontal="left" vertical="center" wrapText="1"/>
    </xf>
    <xf numFmtId="0" fontId="1" fillId="0" borderId="8" xfId="0" applyFont="1" applyBorder="1" applyAlignment="1">
      <alignment horizontal="left" vertical="center" wrapText="1"/>
    </xf>
    <xf numFmtId="0" fontId="0" fillId="0" borderId="2" xfId="0" applyBorder="1" applyAlignment="1">
      <alignment horizontal="left" vertical="top" wrapText="1"/>
    </xf>
    <xf numFmtId="0" fontId="13" fillId="5" borderId="12" xfId="1" applyFont="1" applyFill="1" applyBorder="1" applyAlignment="1">
      <alignment horizontal="left" vertical="top" wrapText="1"/>
    </xf>
    <xf numFmtId="0" fontId="15" fillId="0" borderId="2" xfId="0" applyFont="1" applyBorder="1" applyAlignment="1">
      <alignment horizontal="left" vertical="top" wrapText="1"/>
    </xf>
    <xf numFmtId="0" fontId="4" fillId="2" borderId="0" xfId="1" applyFont="1" applyFill="1" applyBorder="1" applyAlignment="1">
      <alignment horizontal="left" vertical="center"/>
    </xf>
    <xf numFmtId="0" fontId="1" fillId="0" borderId="0" xfId="0" applyFont="1" applyBorder="1" applyAlignment="1">
      <alignment horizontal="left" vertical="center"/>
    </xf>
    <xf numFmtId="0" fontId="4" fillId="4" borderId="8" xfId="1" applyFont="1" applyFill="1" applyBorder="1" applyAlignment="1">
      <alignment horizontal="left" vertical="center" wrapText="1"/>
    </xf>
    <xf numFmtId="0" fontId="1" fillId="5" borderId="15" xfId="0" applyFont="1" applyFill="1" applyBorder="1" applyAlignment="1">
      <alignment horizontal="left" vertical="top" wrapText="1"/>
    </xf>
    <xf numFmtId="0" fontId="1" fillId="5" borderId="2" xfId="0" applyFont="1" applyFill="1" applyBorder="1" applyAlignment="1">
      <alignment horizontal="left" vertical="top" wrapText="1"/>
    </xf>
    <xf numFmtId="0" fontId="1" fillId="4" borderId="3" xfId="1" applyFont="1" applyFill="1" applyBorder="1" applyAlignment="1">
      <alignment horizontal="left" vertical="center" wrapText="1"/>
    </xf>
    <xf numFmtId="0" fontId="0" fillId="4" borderId="4" xfId="0" applyFill="1" applyBorder="1" applyAlignment="1">
      <alignment horizontal="left" vertical="center" wrapText="1"/>
    </xf>
    <xf numFmtId="0" fontId="0" fillId="4" borderId="5" xfId="0" applyFill="1" applyBorder="1" applyAlignment="1">
      <alignment horizontal="left" vertical="center" wrapText="1"/>
    </xf>
    <xf numFmtId="0" fontId="1" fillId="4" borderId="1" xfId="0" applyFont="1" applyFill="1" applyBorder="1" applyAlignment="1">
      <alignment horizontal="left" vertical="center" wrapText="1"/>
    </xf>
    <xf numFmtId="0" fontId="0" fillId="4" borderId="1" xfId="0" applyFill="1" applyBorder="1" applyAlignment="1">
      <alignment horizontal="left" vertical="center" wrapText="1"/>
    </xf>
    <xf numFmtId="0" fontId="17" fillId="2" borderId="0" xfId="2" applyFill="1">
      <alignment vertical="center"/>
    </xf>
    <xf numFmtId="0" fontId="4" fillId="4" borderId="1" xfId="0" applyFont="1" applyFill="1" applyBorder="1" applyAlignment="1">
      <alignment horizontal="left" vertical="center" wrapText="1"/>
    </xf>
    <xf numFmtId="0" fontId="1" fillId="0" borderId="1" xfId="0" applyFont="1" applyBorder="1" applyAlignment="1">
      <alignment horizontal="left" vertical="center" wrapText="1"/>
    </xf>
    <xf numFmtId="0" fontId="1" fillId="4" borderId="7" xfId="1" applyFont="1" applyFill="1" applyBorder="1" applyAlignment="1">
      <alignment horizontal="left" vertical="center" wrapText="1"/>
    </xf>
    <xf numFmtId="0" fontId="15" fillId="0" borderId="15" xfId="0" applyFont="1" applyBorder="1" applyAlignment="1">
      <alignment horizontal="left" vertical="top" wrapText="1"/>
    </xf>
    <xf numFmtId="0" fontId="0" fillId="0" borderId="4" xfId="0" applyBorder="1" applyAlignment="1">
      <alignment horizontal="left" vertical="center" wrapText="1"/>
    </xf>
    <xf numFmtId="0" fontId="0" fillId="0" borderId="5" xfId="0" applyBorder="1" applyAlignment="1">
      <alignment horizontal="left" vertical="center" wrapText="1"/>
    </xf>
    <xf numFmtId="0" fontId="1" fillId="4" borderId="13" xfId="1" applyFont="1" applyFill="1" applyBorder="1" applyAlignment="1">
      <alignment horizontal="left" vertical="center" wrapText="1"/>
    </xf>
    <xf numFmtId="0" fontId="0" fillId="0" borderId="0" xfId="0" applyAlignment="1">
      <alignment horizontal="left" vertical="center" wrapText="1"/>
    </xf>
    <xf numFmtId="0" fontId="0" fillId="0" borderId="14" xfId="0" applyBorder="1" applyAlignment="1">
      <alignment horizontal="left" vertical="center" wrapText="1"/>
    </xf>
    <xf numFmtId="0" fontId="4" fillId="4" borderId="1" xfId="1" applyFont="1" applyFill="1" applyBorder="1" applyAlignment="1">
      <alignment horizontal="center" vertical="center" wrapText="1"/>
    </xf>
    <xf numFmtId="0" fontId="0" fillId="0" borderId="1" xfId="0" applyBorder="1" applyAlignment="1">
      <alignment horizontal="center" vertical="center" wrapText="1"/>
    </xf>
    <xf numFmtId="0" fontId="4" fillId="4" borderId="12" xfId="1" applyFont="1" applyFill="1" applyBorder="1" applyAlignment="1">
      <alignment horizontal="left" vertical="center" wrapText="1"/>
    </xf>
    <xf numFmtId="0" fontId="0" fillId="0" borderId="12" xfId="0" applyBorder="1" applyAlignment="1">
      <alignment horizontal="left" vertical="center" wrapText="1"/>
    </xf>
    <xf numFmtId="0" fontId="4" fillId="5" borderId="1" xfId="1" applyFont="1" applyFill="1" applyBorder="1" applyAlignment="1">
      <alignment horizontal="left" vertical="top" wrapText="1"/>
    </xf>
    <xf numFmtId="0" fontId="1" fillId="4" borderId="2" xfId="1" applyFont="1" applyFill="1" applyBorder="1" applyAlignment="1">
      <alignment horizontal="center" vertical="center" textRotation="255" wrapText="1"/>
    </xf>
    <xf numFmtId="0" fontId="1" fillId="4" borderId="12" xfId="1" applyFont="1" applyFill="1" applyBorder="1" applyAlignment="1">
      <alignment horizontal="center" vertical="center" textRotation="255" wrapText="1"/>
    </xf>
    <xf numFmtId="0" fontId="4" fillId="4" borderId="2" xfId="1" applyFont="1" applyFill="1" applyBorder="1" applyAlignment="1">
      <alignment horizontal="center" vertical="center" wrapText="1"/>
    </xf>
    <xf numFmtId="0" fontId="4" fillId="4" borderId="12" xfId="1" applyFont="1" applyFill="1" applyBorder="1" applyAlignment="1">
      <alignment horizontal="center" vertical="center" wrapText="1"/>
    </xf>
    <xf numFmtId="0" fontId="4" fillId="4" borderId="2" xfId="1" applyFont="1" applyFill="1" applyBorder="1" applyAlignment="1">
      <alignment horizontal="left" vertical="center" wrapText="1"/>
    </xf>
    <xf numFmtId="0" fontId="0" fillId="4" borderId="2" xfId="0" applyFill="1" applyBorder="1" applyAlignment="1">
      <alignment horizontal="left" vertical="center" wrapText="1"/>
    </xf>
    <xf numFmtId="0" fontId="0" fillId="4" borderId="12" xfId="0" applyFill="1" applyBorder="1" applyAlignment="1">
      <alignment horizontal="left" vertical="center" wrapText="1"/>
    </xf>
    <xf numFmtId="0" fontId="4" fillId="4" borderId="13" xfId="1" applyFont="1" applyFill="1" applyBorder="1" applyAlignment="1">
      <alignment horizontal="left" vertical="center" wrapText="1"/>
    </xf>
    <xf numFmtId="0" fontId="4" fillId="4" borderId="0" xfId="1" applyFont="1" applyFill="1" applyBorder="1" applyAlignment="1">
      <alignment horizontal="left" vertical="center" wrapText="1"/>
    </xf>
    <xf numFmtId="0" fontId="4" fillId="4" borderId="14" xfId="1" applyFont="1" applyFill="1" applyBorder="1" applyAlignment="1">
      <alignment horizontal="left" vertical="center" wrapText="1"/>
    </xf>
    <xf numFmtId="0" fontId="4" fillId="4" borderId="9" xfId="1" applyFont="1" applyFill="1" applyBorder="1" applyAlignment="1">
      <alignment horizontal="left" vertical="center" wrapText="1"/>
    </xf>
    <xf numFmtId="0" fontId="4" fillId="4" borderId="6" xfId="1" applyFont="1" applyFill="1" applyBorder="1" applyAlignment="1">
      <alignment horizontal="left" vertical="center" wrapText="1"/>
    </xf>
    <xf numFmtId="0" fontId="4" fillId="4" borderId="10" xfId="1" applyFont="1" applyFill="1" applyBorder="1" applyAlignment="1">
      <alignment horizontal="left" vertical="center" wrapText="1"/>
    </xf>
    <xf numFmtId="0" fontId="0" fillId="0" borderId="15" xfId="0" applyBorder="1" applyAlignment="1">
      <alignment horizontal="left" vertical="top" wrapText="1"/>
    </xf>
    <xf numFmtId="0" fontId="0" fillId="0" borderId="13" xfId="0" applyBorder="1" applyAlignment="1">
      <alignment horizontal="left" vertical="center" wrapText="1"/>
    </xf>
    <xf numFmtId="0" fontId="0" fillId="0" borderId="9" xfId="0" applyBorder="1" applyAlignment="1">
      <alignment horizontal="left" vertical="center" wrapText="1"/>
    </xf>
    <xf numFmtId="0" fontId="0" fillId="0" borderId="10" xfId="0" applyBorder="1" applyAlignment="1">
      <alignment horizontal="left" vertical="center" wrapText="1"/>
    </xf>
    <xf numFmtId="0" fontId="13" fillId="5" borderId="2" xfId="1" applyFont="1" applyFill="1" applyBorder="1" applyAlignment="1">
      <alignment horizontal="left" vertical="top" wrapText="1"/>
    </xf>
    <xf numFmtId="0" fontId="4" fillId="4" borderId="1" xfId="1" applyFont="1" applyFill="1" applyBorder="1" applyAlignment="1">
      <alignment horizontal="center" vertical="center" textRotation="255" shrinkToFit="1"/>
    </xf>
    <xf numFmtId="0" fontId="4" fillId="0" borderId="1" xfId="0" applyFont="1" applyBorder="1" applyAlignment="1">
      <alignment horizontal="center" vertical="center" textRotation="255" shrinkToFit="1"/>
    </xf>
    <xf numFmtId="0" fontId="4" fillId="5" borderId="15" xfId="1" applyFont="1" applyFill="1" applyBorder="1" applyAlignment="1">
      <alignment horizontal="left" vertical="top" wrapText="1"/>
    </xf>
    <xf numFmtId="0" fontId="4" fillId="5" borderId="2" xfId="1" applyFont="1" applyFill="1" applyBorder="1" applyAlignment="1">
      <alignment horizontal="left" vertical="top" wrapText="1"/>
    </xf>
    <xf numFmtId="0" fontId="0" fillId="0" borderId="2" xfId="0" applyBorder="1" applyAlignment="1">
      <alignment horizontal="left" vertical="center" wrapText="1"/>
    </xf>
    <xf numFmtId="0" fontId="1" fillId="4" borderId="1" xfId="1" applyFont="1" applyFill="1" applyBorder="1" applyAlignment="1">
      <alignment horizontal="left" vertical="center" wrapText="1"/>
    </xf>
    <xf numFmtId="178" fontId="4" fillId="5" borderId="7" xfId="1" applyNumberFormat="1" applyFont="1" applyFill="1" applyBorder="1" applyAlignment="1">
      <alignment horizontal="left" vertical="top" wrapText="1"/>
    </xf>
    <xf numFmtId="178" fontId="4" fillId="5" borderId="13" xfId="1" applyNumberFormat="1" applyFont="1" applyFill="1" applyBorder="1" applyAlignment="1">
      <alignment horizontal="left" vertical="top" wrapText="1"/>
    </xf>
    <xf numFmtId="178" fontId="4" fillId="5" borderId="9" xfId="1" applyNumberFormat="1" applyFont="1" applyFill="1" applyBorder="1" applyAlignment="1">
      <alignment horizontal="left" vertical="top" wrapText="1"/>
    </xf>
    <xf numFmtId="0" fontId="13" fillId="5" borderId="15" xfId="1" applyFont="1" applyFill="1" applyBorder="1" applyAlignment="1">
      <alignment horizontal="left" vertical="top" wrapText="1"/>
    </xf>
    <xf numFmtId="0" fontId="4" fillId="4" borderId="13" xfId="1" applyFont="1" applyFill="1" applyBorder="1" applyAlignment="1">
      <alignment horizontal="center" vertical="center" wrapText="1"/>
    </xf>
    <xf numFmtId="0" fontId="4" fillId="4" borderId="14" xfId="1" applyFont="1" applyFill="1" applyBorder="1" applyAlignment="1">
      <alignment horizontal="center" vertical="center" wrapText="1"/>
    </xf>
    <xf numFmtId="0" fontId="17" fillId="0" borderId="0" xfId="2">
      <alignment vertical="center"/>
    </xf>
    <xf numFmtId="0" fontId="1" fillId="0" borderId="12" xfId="0" applyFont="1" applyBorder="1" applyAlignment="1">
      <alignment horizontal="left" vertical="center" wrapText="1"/>
    </xf>
    <xf numFmtId="0" fontId="4" fillId="4" borderId="1" xfId="1" applyFont="1" applyFill="1" applyBorder="1" applyAlignment="1">
      <alignment horizontal="center" vertical="center"/>
    </xf>
    <xf numFmtId="0" fontId="4" fillId="4" borderId="9" xfId="1" applyFont="1" applyFill="1" applyBorder="1" applyAlignment="1">
      <alignment horizontal="center" vertical="center" wrapText="1"/>
    </xf>
    <xf numFmtId="0" fontId="4" fillId="4" borderId="10" xfId="1" applyFont="1" applyFill="1" applyBorder="1" applyAlignment="1">
      <alignment horizontal="center" vertical="center" wrapText="1"/>
    </xf>
    <xf numFmtId="0" fontId="19" fillId="2" borderId="0" xfId="1" applyFont="1" applyFill="1" applyAlignment="1">
      <alignment horizontal="left" vertical="top" wrapText="1"/>
    </xf>
    <xf numFmtId="0" fontId="19" fillId="2" borderId="0" xfId="1" applyFont="1" applyFill="1" applyAlignment="1">
      <alignment horizontal="left" vertical="center" wrapText="1"/>
    </xf>
    <xf numFmtId="0" fontId="4" fillId="3" borderId="3" xfId="1" applyFont="1" applyFill="1" applyBorder="1" applyAlignment="1">
      <alignment horizontal="center" vertical="center"/>
    </xf>
    <xf numFmtId="0" fontId="4" fillId="3" borderId="4" xfId="1" applyFont="1" applyFill="1" applyBorder="1" applyAlignment="1">
      <alignment horizontal="center" vertical="center"/>
    </xf>
    <xf numFmtId="0" fontId="4" fillId="3" borderId="5" xfId="1" applyFont="1" applyFill="1" applyBorder="1" applyAlignment="1">
      <alignment horizontal="center" vertical="center"/>
    </xf>
    <xf numFmtId="0" fontId="4" fillId="3" borderId="1" xfId="1" applyFont="1" applyFill="1" applyBorder="1" applyAlignment="1">
      <alignment horizontal="center" vertical="center"/>
    </xf>
  </cellXfs>
  <cellStyles count="4">
    <cellStyle name="ハイパーリンク" xfId="2" builtinId="8"/>
    <cellStyle name="標準" xfId="0" builtinId="0"/>
    <cellStyle name="標準 2" xfId="3"/>
    <cellStyle name="標準 2 2" xfId="1"/>
  </cellStyles>
  <dxfs count="0"/>
  <tableStyles count="0" defaultTableStyle="TableStyleMedium2" defaultPivotStyle="PivotStyleLight16"/>
  <colors>
    <mruColors>
      <color rgb="FF0000FF"/>
      <color rgb="FFFF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printerSettings" Target="../printerSettings/printerSettings1.bin"/><Relationship Id="rId1" Type="http://schemas.openxmlformats.org/officeDocument/2006/relationships/hyperlink" Target="http://www.mi.pref.shimane.lg.jp/shimane/ap/qq/dtl/pwdetaillt01_001.aspx?chosanendo=2015&amp;chosano=2&amp;kikancd=2325419080" TargetMode="Externa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tabColor theme="9"/>
    <pageSetUpPr fitToPage="1"/>
  </sheetPr>
  <dimension ref="A1:BT384"/>
  <sheetViews>
    <sheetView showGridLines="0" tabSelected="1" topLeftCell="B1" zoomScale="70" zoomScaleNormal="70" zoomScaleSheetLayoutView="70" workbookViewId="0">
      <selection activeCell="B1" sqref="B1"/>
    </sheetView>
  </sheetViews>
  <sheetFormatPr defaultColWidth="9" defaultRowHeight="17.25" x14ac:dyDescent="0.15"/>
  <cols>
    <col min="1" max="1" width="19.125" style="152" hidden="1" customWidth="1"/>
    <col min="2" max="2" width="2.25" style="9" customWidth="1"/>
    <col min="3" max="4" width="4.625" style="2" customWidth="1"/>
    <col min="5" max="5" width="4.625" style="3" customWidth="1"/>
    <col min="6" max="6" width="4.625" style="2" customWidth="1"/>
    <col min="7" max="7" width="22.375" style="2" customWidth="1"/>
    <col min="8" max="8" width="25.5" style="4" customWidth="1"/>
    <col min="9" max="9" width="56.25" style="4" customWidth="1"/>
    <col min="10" max="10" width="11.375" style="5" customWidth="1"/>
    <col min="11" max="11" width="3.875" style="6" customWidth="1"/>
    <col min="12" max="13" width="11.375" style="5" customWidth="1"/>
    <col min="14" max="15" width="11.375" style="8" customWidth="1"/>
    <col min="16" max="18" width="9" style="9" customWidth="1"/>
    <col min="19" max="16384" width="9" style="9"/>
  </cols>
  <sheetData>
    <row r="1" spans="1:15" x14ac:dyDescent="0.15">
      <c r="A1" s="144"/>
      <c r="B1" s="1"/>
      <c r="N1" s="7"/>
    </row>
    <row r="2" spans="1:15" x14ac:dyDescent="0.15">
      <c r="A2" s="144"/>
      <c r="B2" s="1"/>
    </row>
    <row r="3" spans="1:15" ht="18.75" x14ac:dyDescent="0.15">
      <c r="A3" s="144"/>
      <c r="B3" s="10" t="s">
        <v>332</v>
      </c>
      <c r="C3" s="147"/>
      <c r="D3" s="147"/>
      <c r="E3" s="147"/>
      <c r="F3" s="147"/>
      <c r="G3" s="147"/>
      <c r="H3" s="148"/>
      <c r="I3" s="11"/>
    </row>
    <row r="4" spans="1:15" x14ac:dyDescent="0.15">
      <c r="A4" s="144"/>
      <c r="B4" s="158" t="s">
        <v>333</v>
      </c>
      <c r="C4" s="149"/>
      <c r="D4" s="149"/>
      <c r="E4" s="149"/>
      <c r="F4" s="149"/>
      <c r="G4" s="149"/>
      <c r="H4" s="150"/>
      <c r="I4" s="13"/>
    </row>
    <row r="5" spans="1:15" x14ac:dyDescent="0.15">
      <c r="A5" s="144"/>
      <c r="B5" s="50" t="s">
        <v>340</v>
      </c>
      <c r="C5" s="199"/>
      <c r="D5" s="199"/>
      <c r="E5" s="199"/>
      <c r="F5" s="199"/>
      <c r="G5" s="14"/>
      <c r="H5" s="15"/>
      <c r="I5" s="15"/>
    </row>
    <row r="6" spans="1:15" x14ac:dyDescent="0.15">
      <c r="A6" s="144"/>
      <c r="B6" s="16"/>
    </row>
    <row r="7" spans="1:15" x14ac:dyDescent="0.15">
      <c r="A7" s="144"/>
      <c r="B7" s="16"/>
    </row>
    <row r="8" spans="1:15" s="20" customFormat="1" x14ac:dyDescent="0.15">
      <c r="A8" s="144"/>
      <c r="B8" s="17" t="s">
        <v>205</v>
      </c>
      <c r="C8" s="18"/>
      <c r="D8" s="18"/>
      <c r="E8" s="18"/>
      <c r="F8" s="18"/>
      <c r="G8" s="18"/>
      <c r="H8" s="19"/>
      <c r="I8" s="19"/>
      <c r="J8" s="5"/>
      <c r="K8" s="6"/>
      <c r="L8" s="5"/>
      <c r="M8" s="5"/>
      <c r="N8" s="8"/>
      <c r="O8" s="8"/>
    </row>
    <row r="9" spans="1:15" s="20" customFormat="1" x14ac:dyDescent="0.15">
      <c r="A9" s="144"/>
      <c r="B9" s="17"/>
      <c r="C9" s="18"/>
      <c r="D9" s="18"/>
      <c r="E9" s="18"/>
      <c r="F9" s="18"/>
      <c r="G9" s="18"/>
      <c r="H9" s="19"/>
      <c r="I9" s="19"/>
      <c r="J9" s="5"/>
      <c r="K9" s="6"/>
      <c r="L9" s="5"/>
      <c r="M9" s="5"/>
      <c r="N9" s="8"/>
      <c r="O9" s="8"/>
    </row>
    <row r="10" spans="1:15" s="20" customFormat="1" x14ac:dyDescent="0.15">
      <c r="A10" s="144"/>
      <c r="B10" s="21"/>
      <c r="C10" s="18"/>
      <c r="D10" s="18"/>
      <c r="E10" s="18"/>
      <c r="F10" s="18"/>
      <c r="G10" s="18"/>
      <c r="H10" s="19"/>
      <c r="I10" s="303" t="s">
        <v>0</v>
      </c>
      <c r="J10" s="303"/>
      <c r="K10" s="303"/>
      <c r="L10" s="22" t="s">
        <v>1</v>
      </c>
      <c r="M10" s="5"/>
      <c r="N10" s="8"/>
      <c r="O10" s="8"/>
    </row>
    <row r="11" spans="1:15" s="20" customFormat="1" ht="17.25" customHeight="1" x14ac:dyDescent="0.15">
      <c r="A11" s="153" t="s">
        <v>208</v>
      </c>
      <c r="B11" s="16"/>
      <c r="C11" s="18"/>
      <c r="D11" s="18"/>
      <c r="E11" s="18"/>
      <c r="F11" s="18"/>
      <c r="G11" s="18"/>
      <c r="H11" s="19"/>
      <c r="I11" s="295" t="s">
        <v>2</v>
      </c>
      <c r="J11" s="295"/>
      <c r="K11" s="295"/>
      <c r="L11" s="23"/>
      <c r="M11" s="5"/>
      <c r="N11" s="8"/>
      <c r="O11" s="8"/>
    </row>
    <row r="12" spans="1:15" s="20" customFormat="1" x14ac:dyDescent="0.15">
      <c r="A12" s="153" t="s">
        <v>208</v>
      </c>
      <c r="B12" s="24"/>
      <c r="C12" s="18"/>
      <c r="D12" s="18"/>
      <c r="E12" s="18"/>
      <c r="F12" s="18"/>
      <c r="G12" s="18"/>
      <c r="H12" s="19"/>
      <c r="I12" s="295" t="s">
        <v>3</v>
      </c>
      <c r="J12" s="295"/>
      <c r="K12" s="295"/>
      <c r="L12" s="25" t="s">
        <v>334</v>
      </c>
      <c r="M12" s="5"/>
      <c r="N12" s="8"/>
      <c r="O12" s="8"/>
    </row>
    <row r="13" spans="1:15" s="20" customFormat="1" x14ac:dyDescent="0.15">
      <c r="A13" s="153" t="s">
        <v>208</v>
      </c>
      <c r="B13" s="24"/>
      <c r="C13" s="18"/>
      <c r="D13" s="18"/>
      <c r="E13" s="18"/>
      <c r="F13" s="18"/>
      <c r="G13" s="18"/>
      <c r="H13" s="19"/>
      <c r="I13" s="295" t="s">
        <v>4</v>
      </c>
      <c r="J13" s="295"/>
      <c r="K13" s="295"/>
      <c r="L13" s="27"/>
      <c r="M13" s="5"/>
      <c r="N13" s="8"/>
      <c r="O13" s="8"/>
    </row>
    <row r="14" spans="1:15" s="20" customFormat="1" x14ac:dyDescent="0.15">
      <c r="A14" s="153" t="s">
        <v>208</v>
      </c>
      <c r="B14" s="16"/>
      <c r="C14" s="18"/>
      <c r="D14" s="18"/>
      <c r="E14" s="18"/>
      <c r="F14" s="18"/>
      <c r="G14" s="18"/>
      <c r="H14" s="19"/>
      <c r="I14" s="295" t="s">
        <v>5</v>
      </c>
      <c r="J14" s="295"/>
      <c r="K14" s="295"/>
      <c r="L14" s="26"/>
      <c r="M14" s="5"/>
      <c r="N14" s="8"/>
      <c r="O14" s="8"/>
    </row>
    <row r="15" spans="1:15" s="20" customFormat="1" x14ac:dyDescent="0.15">
      <c r="A15" s="153" t="s">
        <v>208</v>
      </c>
      <c r="B15" s="16"/>
      <c r="C15" s="18"/>
      <c r="D15" s="18"/>
      <c r="E15" s="18"/>
      <c r="F15" s="18"/>
      <c r="G15" s="18"/>
      <c r="H15" s="19"/>
      <c r="I15" s="295" t="s">
        <v>179</v>
      </c>
      <c r="J15" s="295"/>
      <c r="K15" s="295"/>
      <c r="L15" s="27"/>
      <c r="M15" s="5"/>
      <c r="N15" s="8"/>
      <c r="O15" s="8"/>
    </row>
    <row r="16" spans="1:15" s="20" customFormat="1" x14ac:dyDescent="0.15">
      <c r="A16" s="153" t="s">
        <v>208</v>
      </c>
      <c r="B16" s="16"/>
      <c r="C16" s="18"/>
      <c r="D16" s="18"/>
      <c r="E16" s="18"/>
      <c r="F16" s="18"/>
      <c r="G16" s="18"/>
      <c r="H16" s="19"/>
      <c r="I16" s="295" t="s">
        <v>180</v>
      </c>
      <c r="J16" s="295"/>
      <c r="K16" s="295"/>
      <c r="L16" s="27"/>
      <c r="M16" s="5"/>
      <c r="N16" s="8"/>
      <c r="O16" s="8"/>
    </row>
    <row r="17" spans="1:18" s="20" customFormat="1" x14ac:dyDescent="0.15">
      <c r="A17" s="153" t="s">
        <v>208</v>
      </c>
      <c r="B17" s="16"/>
      <c r="C17" s="18"/>
      <c r="D17" s="18"/>
      <c r="E17" s="18"/>
      <c r="F17" s="18"/>
      <c r="G17" s="18"/>
      <c r="H17" s="19"/>
      <c r="I17" s="295" t="s">
        <v>181</v>
      </c>
      <c r="J17" s="295"/>
      <c r="K17" s="295"/>
      <c r="L17" s="27"/>
      <c r="M17" s="5"/>
      <c r="N17" s="8"/>
      <c r="O17" s="8"/>
    </row>
    <row r="18" spans="1:18" s="20" customFormat="1" x14ac:dyDescent="0.15">
      <c r="A18" s="179"/>
      <c r="B18" s="16"/>
      <c r="C18" s="2"/>
      <c r="D18" s="2"/>
      <c r="E18" s="3"/>
      <c r="F18" s="2"/>
      <c r="G18" s="28"/>
      <c r="H18" s="4"/>
      <c r="I18" s="4"/>
      <c r="J18" s="5"/>
      <c r="K18" s="180"/>
      <c r="L18" s="7"/>
      <c r="M18" s="7"/>
      <c r="N18" s="7"/>
      <c r="O18" s="7"/>
      <c r="P18" s="7"/>
      <c r="Q18" s="7"/>
      <c r="R18" s="9"/>
    </row>
    <row r="19" spans="1:18" x14ac:dyDescent="0.15">
      <c r="A19" s="179"/>
      <c r="B19" s="16"/>
      <c r="K19" s="180"/>
      <c r="L19" s="7"/>
      <c r="M19" s="7"/>
      <c r="N19" s="7"/>
      <c r="O19" s="7"/>
      <c r="P19" s="7"/>
      <c r="Q19" s="7"/>
    </row>
    <row r="20" spans="1:18" s="20" customFormat="1" x14ac:dyDescent="0.15">
      <c r="A20" s="144"/>
      <c r="B20" s="16"/>
      <c r="C20" s="2"/>
      <c r="D20" s="2"/>
      <c r="E20" s="3"/>
      <c r="F20" s="2"/>
      <c r="G20" s="28"/>
      <c r="H20" s="4"/>
      <c r="I20" s="4"/>
      <c r="J20" s="5"/>
      <c r="K20" s="6"/>
      <c r="L20" s="157"/>
      <c r="M20" s="5"/>
      <c r="N20" s="8"/>
      <c r="O20" s="8"/>
    </row>
    <row r="21" spans="1:18" x14ac:dyDescent="0.15">
      <c r="A21" s="144"/>
      <c r="B21" s="16"/>
    </row>
    <row r="22" spans="1:18" s="20" customFormat="1" x14ac:dyDescent="0.15">
      <c r="A22" s="144"/>
      <c r="B22" s="17" t="s">
        <v>198</v>
      </c>
      <c r="C22" s="18"/>
      <c r="D22" s="18"/>
      <c r="E22" s="18"/>
      <c r="F22" s="18"/>
      <c r="G22" s="18"/>
      <c r="H22" s="19"/>
      <c r="I22" s="19"/>
      <c r="J22" s="5"/>
      <c r="K22" s="6"/>
      <c r="L22" s="5"/>
      <c r="M22" s="5"/>
      <c r="N22" s="8"/>
      <c r="O22" s="8"/>
    </row>
    <row r="23" spans="1:18" s="20" customFormat="1" x14ac:dyDescent="0.15">
      <c r="A23" s="144"/>
      <c r="B23" s="17"/>
      <c r="C23" s="18"/>
      <c r="D23" s="18"/>
      <c r="E23" s="18"/>
      <c r="F23" s="18"/>
      <c r="G23" s="18"/>
      <c r="H23" s="19"/>
      <c r="I23" s="19"/>
      <c r="J23" s="5"/>
      <c r="K23" s="6"/>
      <c r="L23" s="5"/>
      <c r="M23" s="5"/>
      <c r="N23" s="8"/>
      <c r="O23" s="8"/>
    </row>
    <row r="24" spans="1:18" s="20" customFormat="1" x14ac:dyDescent="0.15">
      <c r="A24" s="144"/>
      <c r="B24" s="21"/>
      <c r="C24" s="18"/>
      <c r="D24" s="18"/>
      <c r="E24" s="18"/>
      <c r="F24" s="18"/>
      <c r="G24" s="18"/>
      <c r="H24" s="19"/>
      <c r="I24" s="300" t="s">
        <v>0</v>
      </c>
      <c r="J24" s="301"/>
      <c r="K24" s="302"/>
      <c r="L24" s="22" t="s">
        <v>1</v>
      </c>
      <c r="M24" s="5"/>
      <c r="N24" s="8"/>
      <c r="O24" s="8"/>
    </row>
    <row r="25" spans="1:18" s="20" customFormat="1" x14ac:dyDescent="0.15">
      <c r="A25" s="153" t="s">
        <v>209</v>
      </c>
      <c r="B25" s="16"/>
      <c r="C25" s="18"/>
      <c r="D25" s="18"/>
      <c r="E25" s="18"/>
      <c r="F25" s="18"/>
      <c r="G25" s="18"/>
      <c r="H25" s="19"/>
      <c r="I25" s="211" t="s">
        <v>2</v>
      </c>
      <c r="J25" s="212"/>
      <c r="K25" s="213"/>
      <c r="L25" s="23"/>
      <c r="M25" s="5"/>
      <c r="N25" s="8"/>
      <c r="O25" s="8"/>
    </row>
    <row r="26" spans="1:18" s="20" customFormat="1" x14ac:dyDescent="0.15">
      <c r="A26" s="153" t="s">
        <v>209</v>
      </c>
      <c r="B26" s="24"/>
      <c r="C26" s="18"/>
      <c r="D26" s="18"/>
      <c r="E26" s="18"/>
      <c r="F26" s="18"/>
      <c r="G26" s="18"/>
      <c r="H26" s="19"/>
      <c r="I26" s="211" t="s">
        <v>3</v>
      </c>
      <c r="J26" s="212"/>
      <c r="K26" s="213"/>
      <c r="L26" s="25" t="s">
        <v>334</v>
      </c>
      <c r="M26" s="5"/>
      <c r="N26" s="8"/>
      <c r="O26" s="8"/>
    </row>
    <row r="27" spans="1:18" s="20" customFormat="1" x14ac:dyDescent="0.15">
      <c r="A27" s="153" t="s">
        <v>209</v>
      </c>
      <c r="B27" s="24"/>
      <c r="C27" s="18"/>
      <c r="D27" s="18"/>
      <c r="E27" s="18"/>
      <c r="F27" s="18"/>
      <c r="G27" s="18"/>
      <c r="H27" s="19"/>
      <c r="I27" s="211" t="s">
        <v>4</v>
      </c>
      <c r="J27" s="212"/>
      <c r="K27" s="213"/>
      <c r="L27" s="27"/>
      <c r="M27" s="5"/>
      <c r="N27" s="8"/>
      <c r="O27" s="8"/>
    </row>
    <row r="28" spans="1:18" s="20" customFormat="1" x14ac:dyDescent="0.15">
      <c r="A28" s="153" t="s">
        <v>209</v>
      </c>
      <c r="B28" s="16"/>
      <c r="C28" s="18"/>
      <c r="D28" s="18"/>
      <c r="E28" s="18"/>
      <c r="F28" s="18"/>
      <c r="G28" s="18"/>
      <c r="H28" s="19"/>
      <c r="I28" s="211" t="s">
        <v>5</v>
      </c>
      <c r="J28" s="212"/>
      <c r="K28" s="213"/>
      <c r="L28" s="26"/>
      <c r="M28" s="5"/>
      <c r="N28" s="8"/>
      <c r="O28" s="8"/>
    </row>
    <row r="29" spans="1:18" s="20" customFormat="1" x14ac:dyDescent="0.15">
      <c r="A29" s="153" t="s">
        <v>209</v>
      </c>
      <c r="B29" s="16"/>
      <c r="C29" s="18"/>
      <c r="D29" s="18"/>
      <c r="E29" s="18"/>
      <c r="F29" s="18"/>
      <c r="G29" s="18"/>
      <c r="H29" s="19"/>
      <c r="I29" s="211" t="s">
        <v>188</v>
      </c>
      <c r="J29" s="212"/>
      <c r="K29" s="213"/>
      <c r="L29" s="27"/>
      <c r="M29" s="7"/>
      <c r="N29" s="174"/>
      <c r="O29" s="8"/>
    </row>
    <row r="30" spans="1:18" s="20" customFormat="1" x14ac:dyDescent="0.15">
      <c r="A30" s="153" t="s">
        <v>209</v>
      </c>
      <c r="B30" s="16"/>
      <c r="C30" s="18"/>
      <c r="D30" s="18"/>
      <c r="E30" s="18"/>
      <c r="F30" s="18"/>
      <c r="G30" s="18"/>
      <c r="H30" s="19"/>
      <c r="I30" s="211" t="s">
        <v>189</v>
      </c>
      <c r="J30" s="212"/>
      <c r="K30" s="213"/>
      <c r="L30" s="27"/>
      <c r="M30" s="7"/>
      <c r="N30" s="174"/>
      <c r="O30" s="8"/>
    </row>
    <row r="31" spans="1:18" s="20" customFormat="1" x14ac:dyDescent="0.15">
      <c r="A31" s="153" t="s">
        <v>209</v>
      </c>
      <c r="B31" s="16"/>
      <c r="C31" s="18"/>
      <c r="D31" s="18"/>
      <c r="E31" s="18"/>
      <c r="F31" s="18"/>
      <c r="G31" s="18"/>
      <c r="H31" s="19"/>
      <c r="I31" s="211" t="s">
        <v>190</v>
      </c>
      <c r="J31" s="212"/>
      <c r="K31" s="213"/>
      <c r="L31" s="27"/>
      <c r="M31" s="7"/>
      <c r="N31" s="174"/>
      <c r="O31" s="8"/>
    </row>
    <row r="32" spans="1:18" s="20" customFormat="1" x14ac:dyDescent="0.15">
      <c r="A32" s="153" t="s">
        <v>209</v>
      </c>
      <c r="B32" s="16"/>
      <c r="C32" s="18"/>
      <c r="D32" s="18"/>
      <c r="E32" s="18"/>
      <c r="F32" s="18"/>
      <c r="G32" s="18"/>
      <c r="H32" s="19"/>
      <c r="I32" s="295" t="s">
        <v>181</v>
      </c>
      <c r="J32" s="295"/>
      <c r="K32" s="295"/>
      <c r="L32" s="27"/>
      <c r="M32" s="7"/>
      <c r="N32" s="177"/>
      <c r="O32" s="8"/>
    </row>
    <row r="33" spans="1:71" s="20" customFormat="1" x14ac:dyDescent="0.15">
      <c r="A33" s="144"/>
      <c r="B33" s="16"/>
      <c r="C33" s="2"/>
      <c r="D33" s="2"/>
      <c r="E33" s="3"/>
      <c r="F33" s="2"/>
      <c r="G33" s="30"/>
      <c r="H33" s="4"/>
      <c r="I33" s="4"/>
      <c r="J33" s="5"/>
      <c r="K33" s="6"/>
      <c r="L33" s="5"/>
      <c r="M33" s="5"/>
      <c r="N33" s="8"/>
      <c r="O33" s="8"/>
    </row>
    <row r="34" spans="1:71" s="20" customFormat="1" x14ac:dyDescent="0.15">
      <c r="A34" s="144"/>
      <c r="B34" s="16"/>
      <c r="C34" s="2"/>
      <c r="D34" s="2"/>
      <c r="E34" s="3"/>
      <c r="F34" s="2"/>
      <c r="H34" s="4"/>
      <c r="I34" s="4"/>
      <c r="J34" s="5"/>
      <c r="K34" s="6"/>
      <c r="L34" s="5"/>
      <c r="M34" s="5"/>
      <c r="N34" s="8"/>
      <c r="O34" s="8"/>
    </row>
    <row r="35" spans="1:71" s="20" customFormat="1" x14ac:dyDescent="0.15">
      <c r="A35" s="144"/>
      <c r="B35" s="17" t="s">
        <v>197</v>
      </c>
      <c r="C35" s="18"/>
      <c r="D35" s="18"/>
      <c r="E35" s="18"/>
      <c r="F35" s="18"/>
      <c r="G35" s="18"/>
      <c r="H35" s="19"/>
      <c r="I35" s="19"/>
      <c r="J35" s="5"/>
      <c r="K35" s="6"/>
      <c r="L35" s="5"/>
      <c r="M35" s="5"/>
      <c r="N35" s="8"/>
      <c r="O35" s="8"/>
    </row>
    <row r="36" spans="1:71" s="20" customFormat="1" x14ac:dyDescent="0.15">
      <c r="A36" s="144"/>
      <c r="B36" s="17"/>
      <c r="C36" s="18"/>
      <c r="D36" s="18"/>
      <c r="E36" s="18"/>
      <c r="F36" s="18"/>
      <c r="G36" s="18"/>
      <c r="H36" s="19"/>
      <c r="I36" s="19"/>
      <c r="J36" s="5"/>
      <c r="K36" s="6"/>
      <c r="L36" s="5"/>
      <c r="M36" s="5"/>
      <c r="N36" s="8"/>
      <c r="O36" s="8"/>
    </row>
    <row r="37" spans="1:71" s="20" customFormat="1" x14ac:dyDescent="0.15">
      <c r="A37" s="144"/>
      <c r="B37" s="21"/>
      <c r="C37" s="18"/>
      <c r="D37" s="18"/>
      <c r="E37" s="18"/>
      <c r="F37" s="18"/>
      <c r="G37" s="18"/>
      <c r="H37" s="19"/>
      <c r="I37" s="300" t="s">
        <v>6</v>
      </c>
      <c r="J37" s="301"/>
      <c r="K37" s="302"/>
      <c r="L37" s="22" t="s">
        <v>1</v>
      </c>
      <c r="M37" s="5"/>
      <c r="N37" s="8"/>
      <c r="O37" s="8"/>
    </row>
    <row r="38" spans="1:71" s="20" customFormat="1" ht="17.25" customHeight="1" x14ac:dyDescent="0.15">
      <c r="A38" s="153" t="s">
        <v>210</v>
      </c>
      <c r="B38" s="16"/>
      <c r="C38" s="18"/>
      <c r="D38" s="18"/>
      <c r="E38" s="18"/>
      <c r="F38" s="18"/>
      <c r="G38" s="18"/>
      <c r="H38" s="19"/>
      <c r="I38" s="211" t="s">
        <v>7</v>
      </c>
      <c r="J38" s="212"/>
      <c r="K38" s="213"/>
      <c r="L38" s="23"/>
      <c r="M38" s="5"/>
      <c r="N38" s="8"/>
      <c r="O38" s="8"/>
    </row>
    <row r="39" spans="1:71" s="20" customFormat="1" x14ac:dyDescent="0.15">
      <c r="A39" s="153" t="s">
        <v>210</v>
      </c>
      <c r="B39" s="24"/>
      <c r="C39" s="18"/>
      <c r="D39" s="18"/>
      <c r="E39" s="18"/>
      <c r="F39" s="18"/>
      <c r="G39" s="18"/>
      <c r="H39" s="19"/>
      <c r="I39" s="211" t="s">
        <v>8</v>
      </c>
      <c r="J39" s="212"/>
      <c r="K39" s="213"/>
      <c r="L39" s="25"/>
      <c r="M39" s="5"/>
      <c r="N39" s="8"/>
      <c r="O39" s="8"/>
    </row>
    <row r="40" spans="1:71" s="20" customFormat="1" x14ac:dyDescent="0.15">
      <c r="A40" s="153" t="s">
        <v>210</v>
      </c>
      <c r="B40" s="24"/>
      <c r="C40" s="18"/>
      <c r="D40" s="18"/>
      <c r="E40" s="18"/>
      <c r="F40" s="18"/>
      <c r="G40" s="18"/>
      <c r="H40" s="19"/>
      <c r="I40" s="211" t="s">
        <v>9</v>
      </c>
      <c r="J40" s="212"/>
      <c r="K40" s="213"/>
      <c r="L40" s="29"/>
      <c r="M40" s="5"/>
      <c r="N40" s="8"/>
      <c r="O40" s="8"/>
    </row>
    <row r="41" spans="1:71" s="20" customFormat="1" x14ac:dyDescent="0.15">
      <c r="A41" s="153" t="s">
        <v>210</v>
      </c>
      <c r="B41" s="16"/>
      <c r="C41" s="18"/>
      <c r="D41" s="18"/>
      <c r="E41" s="18"/>
      <c r="F41" s="18"/>
      <c r="G41" s="18"/>
      <c r="H41" s="19"/>
      <c r="I41" s="211" t="s">
        <v>10</v>
      </c>
      <c r="J41" s="212"/>
      <c r="K41" s="213"/>
      <c r="L41" s="25"/>
      <c r="M41" s="5"/>
      <c r="N41" s="8"/>
      <c r="O41" s="8"/>
    </row>
    <row r="42" spans="1:71" s="20" customFormat="1" x14ac:dyDescent="0.15">
      <c r="A42" s="179"/>
      <c r="B42" s="16"/>
      <c r="C42" s="2"/>
      <c r="D42" s="2"/>
      <c r="E42" s="3"/>
      <c r="F42" s="2"/>
      <c r="G42" s="28"/>
      <c r="H42" s="4"/>
      <c r="I42" s="4"/>
      <c r="J42" s="5"/>
      <c r="K42" s="180"/>
      <c r="L42" s="7"/>
      <c r="M42" s="7"/>
      <c r="N42" s="7"/>
      <c r="O42" s="7"/>
      <c r="P42" s="7"/>
      <c r="Q42" s="7"/>
      <c r="R42" s="9"/>
    </row>
    <row r="43" spans="1:71" x14ac:dyDescent="0.15">
      <c r="A43" s="179"/>
      <c r="B43" s="16"/>
      <c r="K43" s="180"/>
      <c r="L43" s="7"/>
      <c r="M43" s="7"/>
      <c r="N43" s="7"/>
      <c r="O43" s="7"/>
      <c r="P43" s="7"/>
      <c r="Q43" s="7"/>
    </row>
    <row r="44" spans="1:71" s="20" customFormat="1" x14ac:dyDescent="0.15">
      <c r="A44" s="179"/>
      <c r="B44" s="17" t="s">
        <v>211</v>
      </c>
      <c r="C44" s="18"/>
      <c r="D44" s="18"/>
      <c r="E44" s="18"/>
      <c r="F44" s="18"/>
      <c r="G44" s="18"/>
      <c r="H44" s="19"/>
      <c r="I44" s="19"/>
      <c r="J44" s="5"/>
      <c r="K44" s="180"/>
      <c r="L44" s="7"/>
      <c r="M44" s="7"/>
      <c r="N44" s="7"/>
      <c r="O44" s="7"/>
      <c r="P44" s="7"/>
      <c r="Q44" s="7"/>
      <c r="R44" s="9"/>
    </row>
    <row r="45" spans="1:71" s="20" customFormat="1" x14ac:dyDescent="0.15">
      <c r="A45" s="179"/>
      <c r="B45" s="17"/>
      <c r="C45" s="17"/>
      <c r="D45" s="17"/>
      <c r="E45" s="17"/>
      <c r="F45" s="17"/>
      <c r="G45" s="17"/>
      <c r="H45" s="13"/>
      <c r="I45" s="13"/>
      <c r="J45" s="5"/>
      <c r="K45" s="180"/>
      <c r="L45" s="181"/>
      <c r="M45" s="181"/>
      <c r="N45" s="181"/>
      <c r="O45" s="181"/>
      <c r="P45" s="181"/>
      <c r="Q45" s="181"/>
      <c r="R45" s="9"/>
    </row>
    <row r="46" spans="1:71" s="20" customFormat="1" x14ac:dyDescent="0.15">
      <c r="A46" s="179"/>
      <c r="B46" s="21"/>
      <c r="C46" s="18"/>
      <c r="D46" s="18"/>
      <c r="E46" s="18"/>
      <c r="F46" s="18"/>
      <c r="G46" s="18"/>
      <c r="H46" s="19"/>
      <c r="I46" s="300" t="s">
        <v>0</v>
      </c>
      <c r="J46" s="301"/>
      <c r="K46" s="302"/>
      <c r="L46" s="187" t="s">
        <v>1</v>
      </c>
      <c r="M46"/>
      <c r="N46"/>
      <c r="O46"/>
      <c r="P46"/>
      <c r="Q46"/>
      <c r="R46"/>
      <c r="S46"/>
      <c r="T46"/>
      <c r="U46"/>
      <c r="V46"/>
      <c r="W46"/>
      <c r="X46"/>
      <c r="Y46"/>
      <c r="Z46"/>
      <c r="AA46"/>
      <c r="AB46"/>
      <c r="AC46"/>
      <c r="AD46"/>
      <c r="AE46"/>
      <c r="AF46"/>
      <c r="AG46"/>
      <c r="AH46"/>
      <c r="AI46"/>
      <c r="AJ46"/>
      <c r="AK46"/>
      <c r="AL46"/>
      <c r="AM46"/>
      <c r="AN46"/>
      <c r="AO46"/>
      <c r="AP46"/>
      <c r="AQ46"/>
      <c r="AR46"/>
      <c r="AS46"/>
      <c r="AT46"/>
      <c r="AU46"/>
      <c r="AV46"/>
      <c r="AW46"/>
      <c r="AX46"/>
      <c r="AY46"/>
      <c r="AZ46"/>
      <c r="BA46"/>
      <c r="BB46"/>
      <c r="BC46"/>
      <c r="BD46"/>
      <c r="BE46"/>
      <c r="BF46"/>
      <c r="BG46"/>
      <c r="BH46"/>
      <c r="BI46"/>
      <c r="BJ46"/>
      <c r="BK46"/>
      <c r="BL46"/>
      <c r="BM46"/>
      <c r="BN46"/>
      <c r="BO46"/>
      <c r="BP46"/>
      <c r="BQ46"/>
      <c r="BR46"/>
      <c r="BS46"/>
    </row>
    <row r="47" spans="1:71" s="20" customFormat="1" ht="17.25" customHeight="1" x14ac:dyDescent="0.15">
      <c r="A47" s="153" t="s">
        <v>212</v>
      </c>
      <c r="B47" s="16"/>
      <c r="C47" s="18"/>
      <c r="D47" s="18"/>
      <c r="E47" s="18"/>
      <c r="F47" s="18"/>
      <c r="G47" s="18"/>
      <c r="H47" s="19"/>
      <c r="I47" s="211" t="s">
        <v>2</v>
      </c>
      <c r="J47" s="212"/>
      <c r="K47" s="213"/>
      <c r="L47" s="182"/>
      <c r="M47"/>
      <c r="N47"/>
      <c r="O47"/>
      <c r="P47"/>
      <c r="Q47"/>
      <c r="R47"/>
      <c r="S47"/>
      <c r="T47"/>
      <c r="U47"/>
      <c r="V47"/>
      <c r="W47"/>
      <c r="X47"/>
      <c r="Y47"/>
      <c r="Z47"/>
      <c r="AA47"/>
      <c r="AB47"/>
      <c r="AC47"/>
      <c r="AD47"/>
      <c r="AE47"/>
      <c r="AF47"/>
      <c r="AG47"/>
      <c r="AH47"/>
      <c r="AI47"/>
      <c r="AJ47"/>
      <c r="AK47"/>
      <c r="AL47"/>
      <c r="AM47"/>
      <c r="AN47"/>
      <c r="AO47"/>
      <c r="AP47"/>
      <c r="AQ47"/>
      <c r="AR47"/>
      <c r="AS47"/>
      <c r="AT47"/>
      <c r="AU47"/>
      <c r="AV47"/>
      <c r="AW47"/>
      <c r="AX47"/>
      <c r="AY47"/>
      <c r="AZ47"/>
      <c r="BA47"/>
      <c r="BB47"/>
      <c r="BC47"/>
      <c r="BD47"/>
      <c r="BE47"/>
      <c r="BF47"/>
      <c r="BG47"/>
      <c r="BH47"/>
      <c r="BI47"/>
      <c r="BJ47"/>
      <c r="BK47"/>
      <c r="BL47"/>
      <c r="BM47"/>
      <c r="BN47"/>
      <c r="BO47"/>
      <c r="BP47"/>
      <c r="BQ47"/>
      <c r="BR47"/>
      <c r="BS47"/>
    </row>
    <row r="48" spans="1:71" s="20" customFormat="1" ht="17.25" customHeight="1" x14ac:dyDescent="0.15">
      <c r="A48" s="153" t="s">
        <v>212</v>
      </c>
      <c r="B48" s="24"/>
      <c r="C48" s="18"/>
      <c r="D48" s="18"/>
      <c r="E48" s="18"/>
      <c r="F48" s="18"/>
      <c r="G48" s="18"/>
      <c r="H48" s="19"/>
      <c r="I48" s="211" t="s">
        <v>3</v>
      </c>
      <c r="J48" s="212"/>
      <c r="K48" s="213"/>
      <c r="L48" s="182"/>
      <c r="M48"/>
      <c r="N48"/>
      <c r="O48"/>
      <c r="P48"/>
      <c r="Q48"/>
      <c r="R48"/>
      <c r="S48"/>
      <c r="T48"/>
      <c r="U48"/>
      <c r="V48"/>
      <c r="W48"/>
      <c r="X48"/>
      <c r="Y48"/>
      <c r="Z48"/>
      <c r="AA48"/>
      <c r="AB48"/>
      <c r="AC48"/>
      <c r="AD48"/>
      <c r="AE48"/>
      <c r="AF48"/>
      <c r="AG48"/>
      <c r="AH48"/>
      <c r="AI48"/>
      <c r="AJ48"/>
      <c r="AK48"/>
      <c r="AL48"/>
      <c r="AM48"/>
      <c r="AN48"/>
      <c r="AO48"/>
      <c r="AP48"/>
      <c r="AQ48"/>
      <c r="AR48"/>
      <c r="AS48"/>
      <c r="AT48"/>
      <c r="AU48"/>
      <c r="AV48"/>
      <c r="AW48"/>
      <c r="AX48"/>
      <c r="AY48"/>
      <c r="AZ48"/>
      <c r="BA48"/>
      <c r="BB48"/>
      <c r="BC48"/>
      <c r="BD48"/>
      <c r="BE48"/>
      <c r="BF48"/>
      <c r="BG48"/>
      <c r="BH48"/>
      <c r="BI48"/>
      <c r="BJ48"/>
      <c r="BK48"/>
      <c r="BL48"/>
      <c r="BM48"/>
      <c r="BN48"/>
      <c r="BO48"/>
      <c r="BP48"/>
      <c r="BQ48"/>
      <c r="BR48"/>
      <c r="BS48"/>
    </row>
    <row r="49" spans="1:72" s="20" customFormat="1" ht="17.25" customHeight="1" x14ac:dyDescent="0.15">
      <c r="A49" s="153" t="s">
        <v>212</v>
      </c>
      <c r="B49" s="24"/>
      <c r="C49" s="18"/>
      <c r="D49" s="18"/>
      <c r="E49" s="18"/>
      <c r="F49" s="18"/>
      <c r="G49" s="18"/>
      <c r="H49" s="19"/>
      <c r="I49" s="211" t="s">
        <v>4</v>
      </c>
      <c r="J49" s="212"/>
      <c r="K49" s="213"/>
      <c r="L49" s="183"/>
      <c r="M49"/>
      <c r="N49"/>
      <c r="O49"/>
      <c r="P49"/>
      <c r="Q49"/>
      <c r="R49"/>
      <c r="S49"/>
      <c r="T49"/>
      <c r="U49"/>
      <c r="V49"/>
      <c r="W49"/>
      <c r="X49"/>
      <c r="Y49"/>
      <c r="Z49"/>
      <c r="AA49"/>
      <c r="AB49"/>
      <c r="AC49"/>
      <c r="AD49"/>
      <c r="AE49"/>
      <c r="AF49"/>
      <c r="AG49"/>
      <c r="AH49"/>
      <c r="AI49"/>
      <c r="AJ49"/>
      <c r="AK49"/>
      <c r="AL49"/>
      <c r="AM49"/>
      <c r="AN49"/>
      <c r="AO49"/>
      <c r="AP49"/>
      <c r="AQ49"/>
      <c r="AR49"/>
      <c r="AS49"/>
      <c r="AT49"/>
      <c r="AU49"/>
      <c r="AV49"/>
      <c r="AW49"/>
      <c r="AX49"/>
      <c r="AY49"/>
      <c r="AZ49"/>
      <c r="BA49"/>
      <c r="BB49"/>
      <c r="BC49"/>
      <c r="BD49"/>
      <c r="BE49"/>
      <c r="BF49"/>
      <c r="BG49"/>
      <c r="BH49"/>
      <c r="BI49"/>
      <c r="BJ49"/>
      <c r="BK49"/>
      <c r="BL49"/>
      <c r="BM49"/>
      <c r="BN49"/>
      <c r="BO49"/>
      <c r="BP49"/>
      <c r="BQ49"/>
      <c r="BR49"/>
      <c r="BS49"/>
    </row>
    <row r="50" spans="1:72" s="20" customFormat="1" ht="17.25" customHeight="1" x14ac:dyDescent="0.15">
      <c r="A50" s="153" t="s">
        <v>212</v>
      </c>
      <c r="B50" s="16"/>
      <c r="C50" s="18"/>
      <c r="D50" s="18"/>
      <c r="E50" s="18"/>
      <c r="F50" s="18"/>
      <c r="G50" s="18"/>
      <c r="H50" s="19"/>
      <c r="I50" s="211" t="s">
        <v>5</v>
      </c>
      <c r="J50" s="212"/>
      <c r="K50" s="213"/>
      <c r="L50" s="184"/>
      <c r="M50"/>
      <c r="N50"/>
      <c r="O50"/>
      <c r="P50"/>
      <c r="Q50"/>
      <c r="R50"/>
      <c r="S50"/>
      <c r="T50"/>
      <c r="U50"/>
      <c r="V50"/>
      <c r="W50"/>
      <c r="X50"/>
      <c r="Y50"/>
      <c r="Z50"/>
      <c r="AA50"/>
      <c r="AB50"/>
      <c r="AC50"/>
      <c r="AD50"/>
      <c r="AE50"/>
      <c r="AF50"/>
      <c r="AG50"/>
      <c r="AH50"/>
      <c r="AI50"/>
      <c r="AJ50"/>
      <c r="AK50"/>
      <c r="AL50"/>
      <c r="AM50"/>
      <c r="AN50"/>
      <c r="AO50"/>
      <c r="AP50"/>
      <c r="AQ50"/>
      <c r="AR50"/>
      <c r="AS50"/>
      <c r="AT50"/>
      <c r="AU50"/>
      <c r="AV50"/>
      <c r="AW50"/>
      <c r="AX50"/>
      <c r="AY50"/>
      <c r="AZ50"/>
      <c r="BA50"/>
      <c r="BB50"/>
      <c r="BC50"/>
      <c r="BD50"/>
      <c r="BE50"/>
      <c r="BF50"/>
      <c r="BG50"/>
      <c r="BH50"/>
      <c r="BI50"/>
      <c r="BJ50"/>
      <c r="BK50"/>
      <c r="BL50"/>
      <c r="BM50"/>
      <c r="BN50"/>
      <c r="BO50"/>
      <c r="BP50"/>
      <c r="BQ50"/>
      <c r="BR50"/>
      <c r="BS50"/>
    </row>
    <row r="51" spans="1:72" s="20" customFormat="1" ht="17.25" customHeight="1" x14ac:dyDescent="0.15">
      <c r="A51" s="153" t="s">
        <v>212</v>
      </c>
      <c r="B51" s="16"/>
      <c r="C51" s="18"/>
      <c r="D51" s="18"/>
      <c r="E51" s="18"/>
      <c r="F51" s="18"/>
      <c r="G51" s="18"/>
      <c r="H51" s="19"/>
      <c r="I51" s="211" t="s">
        <v>188</v>
      </c>
      <c r="J51" s="212"/>
      <c r="K51" s="213"/>
      <c r="L51" s="183"/>
      <c r="M51"/>
      <c r="N51"/>
      <c r="O51"/>
      <c r="P51"/>
      <c r="Q51"/>
      <c r="R51"/>
      <c r="S51"/>
      <c r="T51"/>
      <c r="U51"/>
      <c r="V51"/>
      <c r="W51"/>
      <c r="X51"/>
      <c r="Y51"/>
      <c r="Z51"/>
      <c r="AA51"/>
      <c r="AB51"/>
      <c r="AC51"/>
      <c r="AD51"/>
      <c r="AE51"/>
      <c r="AF51"/>
      <c r="AG51"/>
      <c r="AH51"/>
      <c r="AI51"/>
      <c r="AJ51"/>
      <c r="AK51"/>
      <c r="AL51"/>
      <c r="AM51"/>
      <c r="AN51"/>
      <c r="AO51"/>
      <c r="AP51"/>
      <c r="AQ51"/>
      <c r="AR51"/>
      <c r="AS51"/>
      <c r="AT51"/>
      <c r="AU51"/>
      <c r="AV51"/>
      <c r="AW51"/>
      <c r="AX51"/>
      <c r="AY51"/>
      <c r="AZ51"/>
      <c r="BA51"/>
      <c r="BB51"/>
      <c r="BC51"/>
      <c r="BD51"/>
      <c r="BE51"/>
      <c r="BF51"/>
      <c r="BG51"/>
      <c r="BH51"/>
      <c r="BI51"/>
      <c r="BJ51"/>
      <c r="BK51"/>
      <c r="BL51"/>
      <c r="BM51"/>
      <c r="BN51"/>
      <c r="BO51"/>
      <c r="BP51"/>
      <c r="BQ51"/>
      <c r="BR51"/>
      <c r="BS51"/>
    </row>
    <row r="52" spans="1:72" s="20" customFormat="1" ht="17.25" customHeight="1" x14ac:dyDescent="0.15">
      <c r="A52" s="153" t="s">
        <v>212</v>
      </c>
      <c r="B52" s="16"/>
      <c r="C52" s="18"/>
      <c r="D52" s="18"/>
      <c r="E52" s="18"/>
      <c r="F52" s="18"/>
      <c r="G52" s="18"/>
      <c r="H52" s="19"/>
      <c r="I52" s="211" t="s">
        <v>189</v>
      </c>
      <c r="J52" s="212"/>
      <c r="K52" s="213"/>
      <c r="L52" s="183"/>
      <c r="M52"/>
      <c r="N52"/>
      <c r="O52"/>
      <c r="P52"/>
      <c r="Q52"/>
      <c r="R52"/>
      <c r="S52"/>
      <c r="T52"/>
      <c r="U52"/>
      <c r="V52"/>
      <c r="W52"/>
      <c r="X52"/>
      <c r="Y52"/>
      <c r="Z52"/>
      <c r="AA52"/>
      <c r="AB52"/>
      <c r="AC52"/>
      <c r="AD52"/>
      <c r="AE52"/>
      <c r="AF52"/>
      <c r="AG52"/>
      <c r="AH52"/>
      <c r="AI52"/>
      <c r="AJ52"/>
      <c r="AK52"/>
      <c r="AL52"/>
      <c r="AM52"/>
      <c r="AN52"/>
      <c r="AO52"/>
      <c r="AP52"/>
      <c r="AQ52"/>
      <c r="AR52"/>
      <c r="AS52"/>
      <c r="AT52"/>
      <c r="AU52"/>
      <c r="AV52"/>
      <c r="AW52"/>
      <c r="AX52"/>
      <c r="AY52"/>
      <c r="AZ52"/>
      <c r="BA52"/>
      <c r="BB52"/>
      <c r="BC52"/>
      <c r="BD52"/>
      <c r="BE52"/>
      <c r="BF52"/>
      <c r="BG52"/>
      <c r="BH52"/>
      <c r="BI52"/>
      <c r="BJ52"/>
      <c r="BK52"/>
      <c r="BL52"/>
      <c r="BM52"/>
      <c r="BN52"/>
      <c r="BO52"/>
      <c r="BP52"/>
      <c r="BQ52"/>
      <c r="BR52"/>
      <c r="BS52"/>
    </row>
    <row r="53" spans="1:72" s="185" customFormat="1" ht="17.25" customHeight="1" x14ac:dyDescent="0.15">
      <c r="A53" s="153" t="s">
        <v>212</v>
      </c>
      <c r="B53" s="16"/>
      <c r="C53" s="18"/>
      <c r="D53" s="18"/>
      <c r="E53" s="18"/>
      <c r="F53" s="18"/>
      <c r="G53" s="18"/>
      <c r="H53" s="19"/>
      <c r="I53" s="211" t="s">
        <v>190</v>
      </c>
      <c r="J53" s="212"/>
      <c r="K53" s="213"/>
      <c r="L53" s="183"/>
      <c r="M53"/>
      <c r="N53"/>
      <c r="O53"/>
      <c r="P53"/>
      <c r="Q53"/>
      <c r="R53"/>
      <c r="S53"/>
      <c r="T53"/>
      <c r="U53"/>
      <c r="V53"/>
      <c r="W53"/>
      <c r="X53"/>
      <c r="Y53"/>
      <c r="Z53"/>
      <c r="AA53"/>
      <c r="AB53"/>
      <c r="AC53"/>
      <c r="AD53"/>
      <c r="AE53"/>
      <c r="AF53"/>
      <c r="AG53"/>
      <c r="AH53"/>
      <c r="AI53"/>
      <c r="AJ53"/>
      <c r="AK53"/>
      <c r="AL53"/>
      <c r="AM53"/>
      <c r="AN53"/>
      <c r="AO53"/>
      <c r="AP53"/>
      <c r="AQ53"/>
      <c r="AR53"/>
      <c r="AS53"/>
      <c r="AT53"/>
      <c r="AU53"/>
      <c r="AV53"/>
      <c r="AW53"/>
      <c r="AX53"/>
      <c r="AY53"/>
      <c r="AZ53"/>
      <c r="BA53"/>
      <c r="BB53"/>
      <c r="BC53"/>
      <c r="BD53"/>
      <c r="BE53"/>
      <c r="BF53"/>
      <c r="BG53"/>
      <c r="BH53"/>
      <c r="BI53"/>
      <c r="BJ53"/>
      <c r="BK53"/>
      <c r="BL53"/>
      <c r="BM53"/>
      <c r="BN53"/>
      <c r="BO53"/>
      <c r="BP53"/>
      <c r="BQ53"/>
      <c r="BR53"/>
      <c r="BS53"/>
    </row>
    <row r="54" spans="1:72" s="20" customFormat="1" ht="17.25" customHeight="1" x14ac:dyDescent="0.15">
      <c r="A54" s="153" t="s">
        <v>212</v>
      </c>
      <c r="B54" s="16"/>
      <c r="C54" s="18"/>
      <c r="D54" s="18"/>
      <c r="E54" s="18"/>
      <c r="F54" s="18"/>
      <c r="G54" s="18"/>
      <c r="H54" s="19"/>
      <c r="I54" s="295" t="s">
        <v>191</v>
      </c>
      <c r="J54" s="295"/>
      <c r="K54" s="295"/>
      <c r="L54" s="183"/>
      <c r="M54"/>
      <c r="N54"/>
      <c r="O54"/>
      <c r="P54"/>
      <c r="Q54"/>
      <c r="R54"/>
      <c r="S54"/>
      <c r="T54"/>
      <c r="U54"/>
      <c r="V54"/>
      <c r="W54"/>
      <c r="X54"/>
      <c r="Y54"/>
      <c r="Z54"/>
      <c r="AA54"/>
      <c r="AB54"/>
      <c r="AC54"/>
      <c r="AD54"/>
      <c r="AE54"/>
      <c r="AF54"/>
      <c r="AG54"/>
      <c r="AH54"/>
      <c r="AI54"/>
      <c r="AJ54"/>
      <c r="AK54"/>
      <c r="AL54"/>
      <c r="AM54"/>
      <c r="AN54"/>
      <c r="AO54"/>
      <c r="AP54"/>
      <c r="AQ54"/>
      <c r="AR54"/>
      <c r="AS54"/>
      <c r="AT54"/>
      <c r="AU54"/>
      <c r="AV54"/>
      <c r="AW54"/>
      <c r="AX54"/>
      <c r="AY54"/>
      <c r="AZ54"/>
      <c r="BA54"/>
      <c r="BB54"/>
      <c r="BC54"/>
      <c r="BD54"/>
      <c r="BE54"/>
      <c r="BF54"/>
      <c r="BG54"/>
      <c r="BH54"/>
      <c r="BI54"/>
      <c r="BJ54"/>
      <c r="BK54"/>
      <c r="BL54"/>
      <c r="BM54"/>
      <c r="BN54"/>
      <c r="BO54"/>
      <c r="BP54"/>
      <c r="BQ54"/>
      <c r="BR54"/>
      <c r="BS54"/>
    </row>
    <row r="55" spans="1:72" s="20" customFormat="1" ht="17.25" customHeight="1" x14ac:dyDescent="0.15">
      <c r="A55" s="153" t="s">
        <v>212</v>
      </c>
      <c r="B55" s="16"/>
      <c r="C55" s="18"/>
      <c r="D55" s="18"/>
      <c r="E55" s="18"/>
      <c r="F55" s="18"/>
      <c r="G55" s="18"/>
      <c r="H55" s="19"/>
      <c r="I55" s="295" t="s">
        <v>192</v>
      </c>
      <c r="J55" s="295"/>
      <c r="K55" s="295"/>
      <c r="L55" s="183" t="s">
        <v>173</v>
      </c>
      <c r="M55"/>
      <c r="N55"/>
      <c r="O55"/>
      <c r="P55"/>
      <c r="Q55"/>
      <c r="R55"/>
      <c r="S55"/>
      <c r="T55"/>
      <c r="U55"/>
      <c r="V55"/>
      <c r="W55"/>
      <c r="X55"/>
      <c r="Y55"/>
      <c r="Z55"/>
      <c r="AA55"/>
      <c r="AB55"/>
      <c r="AC55"/>
      <c r="AD55"/>
      <c r="AE55"/>
      <c r="AF55"/>
      <c r="AG55"/>
      <c r="AH55"/>
      <c r="AI55"/>
      <c r="AJ55"/>
      <c r="AK55"/>
      <c r="AL55"/>
      <c r="AM55"/>
      <c r="AN55"/>
      <c r="AO55"/>
      <c r="AP55"/>
      <c r="AQ55"/>
      <c r="AR55"/>
      <c r="AS55"/>
      <c r="AT55"/>
      <c r="AU55"/>
      <c r="AV55"/>
      <c r="AW55"/>
      <c r="AX55"/>
      <c r="AY55"/>
      <c r="AZ55"/>
      <c r="BA55"/>
      <c r="BB55"/>
      <c r="BC55"/>
      <c r="BD55"/>
      <c r="BE55"/>
      <c r="BF55"/>
      <c r="BG55"/>
      <c r="BH55"/>
      <c r="BI55"/>
      <c r="BJ55"/>
      <c r="BK55"/>
      <c r="BL55"/>
      <c r="BM55"/>
      <c r="BN55"/>
      <c r="BO55"/>
      <c r="BP55"/>
      <c r="BQ55"/>
      <c r="BR55"/>
      <c r="BS55"/>
    </row>
    <row r="56" spans="1:72" s="20" customFormat="1" x14ac:dyDescent="0.15">
      <c r="A56" s="179"/>
      <c r="B56" s="16"/>
      <c r="C56" s="2"/>
      <c r="D56" s="2"/>
      <c r="E56" s="3"/>
      <c r="F56" s="2"/>
      <c r="G56" s="31"/>
      <c r="H56" s="4"/>
      <c r="I56" s="4"/>
      <c r="J56" s="5"/>
      <c r="K56" s="180"/>
      <c r="L56" s="7"/>
      <c r="M56" s="7"/>
      <c r="N56" s="7"/>
      <c r="O56" s="7"/>
      <c r="P56" s="7"/>
      <c r="Q56" s="7"/>
      <c r="R56" s="9"/>
    </row>
    <row r="57" spans="1:72" s="20" customFormat="1" x14ac:dyDescent="0.15">
      <c r="A57" s="179"/>
      <c r="B57" s="16"/>
      <c r="C57" s="2"/>
      <c r="D57" s="2"/>
      <c r="E57" s="3"/>
      <c r="F57" s="2"/>
      <c r="G57" s="31"/>
      <c r="H57" s="4"/>
      <c r="I57" s="4"/>
      <c r="J57" s="5"/>
      <c r="K57" s="180"/>
      <c r="L57" s="7"/>
      <c r="M57" s="7"/>
      <c r="N57" s="7"/>
      <c r="O57" s="7"/>
      <c r="P57" s="7"/>
      <c r="Q57" s="7"/>
      <c r="R57" s="9"/>
    </row>
    <row r="58" spans="1:72" s="20" customFormat="1" x14ac:dyDescent="0.15">
      <c r="A58" s="144"/>
      <c r="B58" s="16"/>
      <c r="C58" s="2"/>
      <c r="D58" s="2"/>
      <c r="E58" s="3"/>
      <c r="F58" s="2"/>
      <c r="G58" s="31"/>
      <c r="H58" s="4"/>
      <c r="I58" s="4"/>
      <c r="J58" s="5"/>
      <c r="K58" s="6"/>
      <c r="L58" s="5"/>
      <c r="M58" s="5"/>
      <c r="N58" s="8"/>
      <c r="O58" s="8"/>
    </row>
    <row r="59" spans="1:72" s="20" customFormat="1" x14ac:dyDescent="0.15">
      <c r="A59" s="144"/>
      <c r="B59" s="16"/>
      <c r="C59" s="2"/>
      <c r="D59" s="2"/>
      <c r="E59" s="3"/>
      <c r="F59" s="2"/>
      <c r="G59" s="28"/>
      <c r="H59" s="4"/>
      <c r="I59" s="4"/>
      <c r="J59" s="5"/>
      <c r="K59" s="6"/>
      <c r="L59" s="5"/>
      <c r="M59" s="5"/>
      <c r="N59" s="8"/>
      <c r="O59" s="8"/>
    </row>
    <row r="60" spans="1:72" s="20" customFormat="1" x14ac:dyDescent="0.15">
      <c r="A60" s="144"/>
      <c r="B60" s="1"/>
      <c r="C60" s="32" t="s">
        <v>11</v>
      </c>
      <c r="D60" s="189"/>
      <c r="E60" s="189"/>
      <c r="F60" s="189"/>
      <c r="G60" s="189"/>
      <c r="H60" s="189"/>
      <c r="I60" s="4"/>
      <c r="J60" s="33"/>
      <c r="K60" s="34"/>
      <c r="L60" s="5"/>
      <c r="M60" s="5"/>
      <c r="N60" s="8"/>
      <c r="O60" s="8"/>
      <c r="P60" s="8"/>
      <c r="Q60" s="8"/>
      <c r="R60" s="8"/>
      <c r="S60" s="8"/>
      <c r="T60" s="8"/>
      <c r="U60" s="8"/>
      <c r="V60" s="8"/>
      <c r="W60" s="8"/>
      <c r="X60" s="8"/>
      <c r="Y60" s="8"/>
      <c r="Z60" s="8"/>
      <c r="AA60" s="8"/>
      <c r="AB60" s="8"/>
      <c r="AC60" s="8"/>
      <c r="AD60" s="8"/>
      <c r="AE60" s="8"/>
      <c r="AF60" s="8"/>
      <c r="AG60" s="8"/>
      <c r="AH60" s="8"/>
      <c r="AI60" s="8"/>
      <c r="AJ60" s="8"/>
      <c r="AK60" s="8"/>
      <c r="AL60" s="8"/>
      <c r="AM60" s="8"/>
      <c r="AN60" s="8"/>
      <c r="AO60" s="8"/>
      <c r="AP60" s="8"/>
      <c r="AQ60" s="8"/>
      <c r="AR60" s="8"/>
      <c r="AS60" s="8"/>
      <c r="AT60" s="8"/>
      <c r="AU60" s="8"/>
      <c r="AV60" s="8"/>
      <c r="AW60" s="8"/>
      <c r="AX60" s="8"/>
      <c r="AY60" s="8"/>
      <c r="AZ60" s="8"/>
      <c r="BA60" s="8"/>
      <c r="BB60" s="8"/>
      <c r="BC60" s="8"/>
      <c r="BD60" s="8"/>
      <c r="BE60" s="8"/>
      <c r="BF60" s="8"/>
      <c r="BG60" s="8"/>
      <c r="BH60" s="8"/>
      <c r="BI60" s="8"/>
      <c r="BJ60" s="8"/>
      <c r="BK60" s="8"/>
      <c r="BL60" s="8"/>
      <c r="BM60" s="8"/>
      <c r="BN60" s="8"/>
      <c r="BO60" s="8"/>
      <c r="BP60" s="8"/>
      <c r="BQ60" s="8"/>
      <c r="BR60" s="8"/>
      <c r="BS60" s="8"/>
      <c r="BT60" s="9"/>
    </row>
    <row r="61" spans="1:72" s="20" customFormat="1" ht="52.9" customHeight="1" x14ac:dyDescent="0.15">
      <c r="A61" s="144"/>
      <c r="B61" s="1"/>
      <c r="C61" s="35"/>
      <c r="D61" s="298" t="s">
        <v>175</v>
      </c>
      <c r="E61" s="298"/>
      <c r="F61" s="298"/>
      <c r="G61" s="298"/>
      <c r="H61" s="298"/>
      <c r="I61" s="298"/>
      <c r="J61" s="298"/>
      <c r="K61" s="298"/>
      <c r="L61" s="298"/>
      <c r="M61" s="36"/>
      <c r="N61" s="36"/>
      <c r="O61" s="36"/>
      <c r="P61" s="36"/>
      <c r="Q61" s="37"/>
      <c r="R61" s="37"/>
      <c r="S61" s="37"/>
      <c r="T61" s="37"/>
      <c r="U61" s="37"/>
      <c r="V61" s="37"/>
      <c r="W61" s="37"/>
      <c r="X61" s="37"/>
      <c r="Y61" s="37"/>
      <c r="Z61" s="37"/>
      <c r="AA61" s="37"/>
      <c r="AB61" s="37"/>
      <c r="AC61" s="37"/>
      <c r="AD61" s="37"/>
      <c r="AE61" s="37"/>
      <c r="AF61" s="37"/>
      <c r="AG61" s="37"/>
      <c r="AH61" s="37"/>
      <c r="AI61" s="37"/>
      <c r="AJ61" s="37"/>
      <c r="AK61" s="37"/>
      <c r="AL61" s="37"/>
      <c r="AM61" s="37"/>
      <c r="AN61" s="37"/>
      <c r="AO61" s="37"/>
      <c r="AP61" s="37"/>
      <c r="AQ61" s="37"/>
      <c r="AR61" s="37"/>
      <c r="AS61" s="37"/>
      <c r="AT61" s="37"/>
      <c r="AU61" s="37"/>
      <c r="AV61" s="37"/>
      <c r="AW61" s="37"/>
      <c r="AX61" s="37"/>
      <c r="AY61" s="37"/>
      <c r="AZ61" s="37"/>
      <c r="BA61" s="37"/>
      <c r="BB61" s="37"/>
      <c r="BC61" s="37"/>
      <c r="BD61" s="37"/>
      <c r="BE61" s="37"/>
      <c r="BF61" s="37"/>
      <c r="BG61" s="37"/>
      <c r="BH61" s="37"/>
      <c r="BI61" s="37"/>
      <c r="BJ61" s="37"/>
      <c r="BK61" s="37"/>
      <c r="BL61" s="37"/>
      <c r="BM61" s="37"/>
      <c r="BN61" s="37"/>
      <c r="BO61" s="37"/>
      <c r="BP61" s="37"/>
      <c r="BQ61" s="37"/>
      <c r="BR61" s="37"/>
      <c r="BS61" s="37"/>
      <c r="BT61" s="9"/>
    </row>
    <row r="62" spans="1:72" s="20" customFormat="1" ht="34.5" customHeight="1" x14ac:dyDescent="0.15">
      <c r="A62" s="144"/>
      <c r="B62" s="1"/>
      <c r="C62" s="38"/>
      <c r="D62" s="299" t="s">
        <v>12</v>
      </c>
      <c r="E62" s="299"/>
      <c r="F62" s="299"/>
      <c r="G62" s="299"/>
      <c r="H62" s="299"/>
      <c r="I62" s="299"/>
      <c r="J62" s="299"/>
      <c r="K62" s="299"/>
      <c r="L62" s="299"/>
      <c r="M62" s="36"/>
      <c r="N62" s="36"/>
      <c r="O62" s="36"/>
      <c r="P62" s="36"/>
      <c r="Q62" s="37"/>
      <c r="R62" s="37"/>
      <c r="S62" s="37"/>
      <c r="T62" s="37"/>
      <c r="U62" s="37"/>
      <c r="V62" s="37"/>
      <c r="W62" s="37"/>
      <c r="X62" s="37"/>
      <c r="Y62" s="37"/>
      <c r="Z62" s="37"/>
      <c r="AA62" s="37"/>
      <c r="AB62" s="37"/>
      <c r="AC62" s="37"/>
      <c r="AD62" s="37"/>
      <c r="AE62" s="37"/>
      <c r="AF62" s="37"/>
      <c r="AG62" s="37"/>
      <c r="AH62" s="37"/>
      <c r="AI62" s="37"/>
      <c r="AJ62" s="37"/>
      <c r="AK62" s="37"/>
      <c r="AL62" s="37"/>
      <c r="AM62" s="37"/>
      <c r="AN62" s="37"/>
      <c r="AO62" s="37"/>
      <c r="AP62" s="37"/>
      <c r="AQ62" s="37"/>
      <c r="AR62" s="37"/>
      <c r="AS62" s="37"/>
      <c r="AT62" s="37"/>
      <c r="AU62" s="37"/>
      <c r="AV62" s="37"/>
      <c r="AW62" s="37"/>
      <c r="AX62" s="37"/>
      <c r="AY62" s="37"/>
      <c r="AZ62" s="37"/>
      <c r="BA62" s="37"/>
      <c r="BB62" s="37"/>
      <c r="BC62" s="37"/>
      <c r="BD62" s="37"/>
      <c r="BE62" s="37"/>
      <c r="BF62" s="37"/>
      <c r="BG62" s="37"/>
      <c r="BH62" s="37"/>
      <c r="BI62" s="37"/>
      <c r="BJ62" s="37"/>
      <c r="BK62" s="37"/>
      <c r="BL62" s="37"/>
      <c r="BM62" s="37"/>
      <c r="BN62" s="37"/>
      <c r="BO62" s="37"/>
      <c r="BP62" s="37"/>
      <c r="BQ62" s="37"/>
      <c r="BR62" s="37"/>
      <c r="BS62" s="37"/>
      <c r="BT62" s="9"/>
    </row>
    <row r="63" spans="1:72" s="20" customFormat="1" ht="34.5" customHeight="1" x14ac:dyDescent="0.15">
      <c r="A63" s="144"/>
      <c r="B63" s="1"/>
      <c r="C63" s="38"/>
      <c r="D63" s="299" t="s">
        <v>13</v>
      </c>
      <c r="E63" s="299"/>
      <c r="F63" s="299"/>
      <c r="G63" s="299"/>
      <c r="H63" s="299"/>
      <c r="I63" s="299"/>
      <c r="J63" s="299"/>
      <c r="K63" s="299"/>
      <c r="L63" s="299"/>
      <c r="M63" s="36"/>
      <c r="N63" s="36"/>
      <c r="O63" s="36"/>
      <c r="P63" s="36"/>
      <c r="Q63" s="37"/>
      <c r="R63" s="37"/>
      <c r="S63" s="37"/>
      <c r="T63" s="37"/>
      <c r="U63" s="37"/>
      <c r="V63" s="37"/>
      <c r="W63" s="37"/>
      <c r="X63" s="37"/>
      <c r="Y63" s="37"/>
      <c r="Z63" s="37"/>
      <c r="AA63" s="37"/>
      <c r="AB63" s="37"/>
      <c r="AC63" s="37"/>
      <c r="AD63" s="37"/>
      <c r="AE63" s="37"/>
      <c r="AF63" s="37"/>
      <c r="AG63" s="37"/>
      <c r="AH63" s="37"/>
      <c r="AI63" s="37"/>
      <c r="AJ63" s="37"/>
      <c r="AK63" s="37"/>
      <c r="AL63" s="37"/>
      <c r="AM63" s="37"/>
      <c r="AN63" s="37"/>
      <c r="AO63" s="37"/>
      <c r="AP63" s="37"/>
      <c r="AQ63" s="37"/>
      <c r="AR63" s="37"/>
      <c r="AS63" s="37"/>
      <c r="AT63" s="37"/>
      <c r="AU63" s="37"/>
      <c r="AV63" s="37"/>
      <c r="AW63" s="37"/>
      <c r="AX63" s="37"/>
      <c r="AY63" s="37"/>
      <c r="AZ63" s="37"/>
      <c r="BA63" s="37"/>
      <c r="BB63" s="37"/>
      <c r="BC63" s="37"/>
      <c r="BD63" s="37"/>
      <c r="BE63" s="37"/>
      <c r="BF63" s="37"/>
      <c r="BG63" s="37"/>
      <c r="BH63" s="37"/>
      <c r="BI63" s="37"/>
      <c r="BJ63" s="37"/>
      <c r="BK63" s="37"/>
      <c r="BL63" s="37"/>
      <c r="BM63" s="37"/>
      <c r="BN63" s="37"/>
      <c r="BO63" s="37"/>
      <c r="BP63" s="37"/>
      <c r="BQ63" s="37"/>
      <c r="BR63" s="37"/>
      <c r="BS63" s="37"/>
      <c r="BT63" s="9"/>
    </row>
    <row r="64" spans="1:72" s="20" customFormat="1" ht="34.5" customHeight="1" x14ac:dyDescent="0.15">
      <c r="A64" s="144"/>
      <c r="B64" s="1"/>
      <c r="C64" s="38"/>
      <c r="D64" s="299" t="s">
        <v>14</v>
      </c>
      <c r="E64" s="299"/>
      <c r="F64" s="299"/>
      <c r="G64" s="299"/>
      <c r="H64" s="299"/>
      <c r="I64" s="299"/>
      <c r="J64" s="299"/>
      <c r="K64" s="299"/>
      <c r="L64" s="299"/>
      <c r="M64" s="36"/>
      <c r="N64" s="36"/>
      <c r="O64" s="36"/>
      <c r="P64" s="36"/>
      <c r="Q64" s="37"/>
      <c r="R64" s="37"/>
      <c r="S64" s="37"/>
      <c r="T64" s="37"/>
      <c r="U64" s="37"/>
      <c r="V64" s="37"/>
      <c r="W64" s="37"/>
      <c r="X64" s="37"/>
      <c r="Y64" s="37"/>
      <c r="Z64" s="37"/>
      <c r="AA64" s="37"/>
      <c r="AB64" s="37"/>
      <c r="AC64" s="37"/>
      <c r="AD64" s="37"/>
      <c r="AE64" s="37"/>
      <c r="AF64" s="37"/>
      <c r="AG64" s="37"/>
      <c r="AH64" s="37"/>
      <c r="AI64" s="37"/>
      <c r="AJ64" s="37"/>
      <c r="AK64" s="37"/>
      <c r="AL64" s="37"/>
      <c r="AM64" s="37"/>
      <c r="AN64" s="37"/>
      <c r="AO64" s="37"/>
      <c r="AP64" s="37"/>
      <c r="AQ64" s="37"/>
      <c r="AR64" s="37"/>
      <c r="AS64" s="37"/>
      <c r="AT64" s="37"/>
      <c r="AU64" s="37"/>
      <c r="AV64" s="37"/>
      <c r="AW64" s="37"/>
      <c r="AX64" s="37"/>
      <c r="AY64" s="37"/>
      <c r="AZ64" s="37"/>
      <c r="BA64" s="37"/>
      <c r="BB64" s="37"/>
      <c r="BC64" s="37"/>
      <c r="BD64" s="37"/>
      <c r="BE64" s="37"/>
      <c r="BF64" s="37"/>
      <c r="BG64" s="37"/>
      <c r="BH64" s="37"/>
      <c r="BI64" s="37"/>
      <c r="BJ64" s="37"/>
      <c r="BK64" s="37"/>
      <c r="BL64" s="37"/>
      <c r="BM64" s="37"/>
      <c r="BN64" s="37"/>
      <c r="BO64" s="37"/>
      <c r="BP64" s="37"/>
      <c r="BQ64" s="37"/>
      <c r="BR64" s="37"/>
      <c r="BS64" s="37"/>
      <c r="BT64" s="9"/>
    </row>
    <row r="65" spans="1:72" s="20" customFormat="1" ht="34.5" customHeight="1" x14ac:dyDescent="0.15">
      <c r="A65" s="144"/>
      <c r="B65" s="1"/>
      <c r="C65" s="38"/>
      <c r="D65" s="299" t="s">
        <v>15</v>
      </c>
      <c r="E65" s="299"/>
      <c r="F65" s="299"/>
      <c r="G65" s="299"/>
      <c r="H65" s="299"/>
      <c r="I65" s="299"/>
      <c r="J65" s="299"/>
      <c r="K65" s="299"/>
      <c r="L65" s="299"/>
      <c r="M65" s="36"/>
      <c r="N65" s="36"/>
      <c r="O65" s="36"/>
      <c r="P65" s="36"/>
      <c r="Q65" s="37"/>
      <c r="R65" s="37"/>
      <c r="S65" s="37"/>
      <c r="T65" s="37"/>
      <c r="U65" s="37"/>
      <c r="V65" s="37"/>
      <c r="W65" s="37"/>
      <c r="X65" s="37"/>
      <c r="Y65" s="37"/>
      <c r="Z65" s="37"/>
      <c r="AA65" s="37"/>
      <c r="AB65" s="37"/>
      <c r="AC65" s="37"/>
      <c r="AD65" s="37"/>
      <c r="AE65" s="37"/>
      <c r="AF65" s="37"/>
      <c r="AG65" s="37"/>
      <c r="AH65" s="37"/>
      <c r="AI65" s="37"/>
      <c r="AJ65" s="37"/>
      <c r="AK65" s="37"/>
      <c r="AL65" s="37"/>
      <c r="AM65" s="37"/>
      <c r="AN65" s="37"/>
      <c r="AO65" s="37"/>
      <c r="AP65" s="37"/>
      <c r="AQ65" s="37"/>
      <c r="AR65" s="37"/>
      <c r="AS65" s="37"/>
      <c r="AT65" s="37"/>
      <c r="AU65" s="37"/>
      <c r="AV65" s="37"/>
      <c r="AW65" s="37"/>
      <c r="AX65" s="37"/>
      <c r="AY65" s="37"/>
      <c r="AZ65" s="37"/>
      <c r="BA65" s="37"/>
      <c r="BB65" s="37"/>
      <c r="BC65" s="37"/>
      <c r="BD65" s="37"/>
      <c r="BE65" s="37"/>
      <c r="BF65" s="37"/>
      <c r="BG65" s="37"/>
      <c r="BH65" s="37"/>
      <c r="BI65" s="37"/>
      <c r="BJ65" s="37"/>
      <c r="BK65" s="37"/>
      <c r="BL65" s="37"/>
      <c r="BM65" s="37"/>
      <c r="BN65" s="37"/>
      <c r="BO65" s="37"/>
      <c r="BP65" s="37"/>
      <c r="BQ65" s="37"/>
      <c r="BR65" s="37"/>
      <c r="BS65" s="37"/>
      <c r="BT65" s="9"/>
    </row>
    <row r="66" spans="1:72" s="20" customFormat="1" x14ac:dyDescent="0.15">
      <c r="A66" s="144"/>
      <c r="B66" s="17"/>
      <c r="C66" s="39"/>
      <c r="D66" s="39"/>
      <c r="E66" s="39"/>
      <c r="F66" s="39"/>
      <c r="G66" s="39"/>
      <c r="H66" s="19"/>
      <c r="I66" s="19"/>
      <c r="J66" s="5"/>
      <c r="K66" s="6"/>
      <c r="L66" s="5"/>
      <c r="M66" s="5"/>
      <c r="N66" s="8"/>
      <c r="O66" s="8"/>
      <c r="P66" s="8"/>
      <c r="BT66" s="9"/>
    </row>
    <row r="67" spans="1:72" s="45" customFormat="1" x14ac:dyDescent="0.15">
      <c r="A67" s="151"/>
      <c r="B67" s="12"/>
      <c r="C67" s="40" t="s">
        <v>176</v>
      </c>
      <c r="F67" s="39"/>
      <c r="G67" s="42"/>
      <c r="H67" s="19"/>
      <c r="I67" s="41" t="s">
        <v>177</v>
      </c>
      <c r="J67" s="39" t="s">
        <v>178</v>
      </c>
      <c r="K67" s="43"/>
      <c r="L67" s="44"/>
      <c r="M67" s="44"/>
      <c r="N67" s="44"/>
      <c r="O67" s="44"/>
      <c r="P67" s="44"/>
      <c r="R67" s="46"/>
      <c r="S67" s="46"/>
      <c r="T67" s="46"/>
      <c r="U67" s="46"/>
      <c r="W67" s="46"/>
      <c r="X67" s="46"/>
      <c r="Y67" s="46"/>
      <c r="Z67" s="46"/>
      <c r="AB67" s="46"/>
      <c r="AC67" s="46"/>
      <c r="AD67" s="46"/>
      <c r="AE67" s="46"/>
      <c r="AG67" s="46"/>
      <c r="AH67" s="46"/>
      <c r="AI67" s="46"/>
      <c r="AJ67" s="46"/>
      <c r="AL67" s="46"/>
      <c r="AM67" s="46"/>
      <c r="AN67" s="46"/>
      <c r="AO67" s="46"/>
      <c r="AQ67" s="46"/>
      <c r="AR67" s="46"/>
      <c r="AS67" s="46"/>
      <c r="AT67" s="46"/>
      <c r="AV67" s="46"/>
      <c r="AW67" s="46"/>
      <c r="AX67" s="46"/>
      <c r="AY67" s="46"/>
      <c r="AZ67" s="46"/>
      <c r="BA67" s="46"/>
      <c r="BB67" s="46"/>
      <c r="BC67" s="46"/>
      <c r="BD67" s="46"/>
      <c r="BE67" s="46"/>
      <c r="BF67" s="46"/>
      <c r="BG67" s="46"/>
      <c r="BH67" s="46"/>
      <c r="BI67" s="46"/>
      <c r="BJ67" s="46"/>
      <c r="BK67" s="46"/>
      <c r="BL67" s="46"/>
      <c r="BM67" s="46"/>
      <c r="BN67" s="46"/>
      <c r="BO67" s="46"/>
      <c r="BP67" s="46"/>
      <c r="BQ67" s="46"/>
      <c r="BR67" s="46"/>
      <c r="BS67" s="46"/>
      <c r="BT67" s="47"/>
    </row>
    <row r="68" spans="1:72" s="20" customFormat="1" x14ac:dyDescent="0.15">
      <c r="A68" s="144"/>
      <c r="B68" s="1"/>
      <c r="C68" s="188"/>
      <c r="D68" s="39"/>
      <c r="E68" s="39"/>
      <c r="F68" s="39"/>
      <c r="G68" s="39"/>
      <c r="H68" s="19"/>
      <c r="I68" s="189"/>
      <c r="J68" s="5"/>
      <c r="K68" s="6"/>
      <c r="L68" s="127"/>
      <c r="M68" s="127"/>
      <c r="N68" s="127"/>
      <c r="O68" s="127"/>
      <c r="P68" s="127"/>
      <c r="R68" s="48"/>
      <c r="S68" s="48"/>
      <c r="T68" s="48"/>
      <c r="U68" s="48"/>
      <c r="W68" s="48"/>
      <c r="X68" s="48"/>
      <c r="Y68" s="48"/>
      <c r="Z68" s="48"/>
      <c r="AB68" s="48"/>
      <c r="AC68" s="48"/>
      <c r="AD68" s="48"/>
      <c r="AE68" s="48"/>
      <c r="AG68" s="48"/>
      <c r="AH68" s="48"/>
      <c r="AI68" s="48"/>
      <c r="AJ68" s="48"/>
      <c r="AL68" s="48"/>
      <c r="AM68" s="48"/>
      <c r="AN68" s="48"/>
      <c r="AO68" s="48"/>
      <c r="AQ68" s="48"/>
      <c r="AR68" s="48"/>
      <c r="AS68" s="48"/>
      <c r="AT68" s="48"/>
      <c r="AV68" s="48"/>
      <c r="AW68" s="48"/>
      <c r="AX68" s="48"/>
      <c r="AY68" s="48"/>
      <c r="AZ68" s="48"/>
      <c r="BA68" s="48"/>
      <c r="BB68" s="48"/>
      <c r="BC68" s="48"/>
      <c r="BD68" s="48"/>
      <c r="BE68" s="48"/>
      <c r="BF68" s="48"/>
      <c r="BG68" s="48"/>
      <c r="BH68" s="48"/>
      <c r="BI68" s="48"/>
      <c r="BJ68" s="48"/>
      <c r="BK68" s="48"/>
      <c r="BL68" s="48"/>
      <c r="BM68" s="48"/>
      <c r="BN68" s="48"/>
      <c r="BO68" s="48"/>
      <c r="BP68" s="48"/>
      <c r="BQ68" s="48"/>
      <c r="BR68" s="48"/>
      <c r="BS68" s="48"/>
      <c r="BT68" s="9"/>
    </row>
    <row r="69" spans="1:72" s="20" customFormat="1" x14ac:dyDescent="0.15">
      <c r="A69" s="144"/>
      <c r="B69" s="1"/>
      <c r="C69" s="37"/>
      <c r="D69" s="37"/>
      <c r="E69" s="37"/>
      <c r="F69" s="37"/>
      <c r="G69" s="37"/>
      <c r="H69" s="37"/>
      <c r="I69" s="37"/>
      <c r="J69" s="37"/>
      <c r="K69" s="49"/>
      <c r="L69" s="37"/>
      <c r="M69" s="37"/>
      <c r="N69" s="37"/>
      <c r="O69" s="37"/>
      <c r="P69" s="37"/>
      <c r="Q69" s="37"/>
      <c r="R69" s="37"/>
      <c r="S69" s="37"/>
      <c r="T69" s="37"/>
      <c r="U69" s="37"/>
      <c r="V69" s="37"/>
      <c r="W69" s="37"/>
      <c r="X69" s="37"/>
      <c r="Y69" s="37"/>
      <c r="Z69" s="37"/>
      <c r="AA69" s="37"/>
      <c r="AB69" s="37"/>
      <c r="AC69" s="37"/>
      <c r="AD69" s="37"/>
      <c r="AE69" s="37"/>
      <c r="AF69" s="37"/>
      <c r="AG69" s="37"/>
      <c r="AH69" s="37"/>
      <c r="AI69" s="37"/>
      <c r="AJ69" s="37"/>
      <c r="AK69" s="37"/>
      <c r="AL69" s="37"/>
      <c r="AM69" s="37"/>
      <c r="AN69" s="37"/>
      <c r="AO69" s="37"/>
      <c r="AP69" s="37"/>
      <c r="AQ69" s="37"/>
      <c r="AR69" s="37"/>
      <c r="AS69" s="37"/>
      <c r="AT69" s="37"/>
      <c r="AU69" s="37"/>
      <c r="AV69" s="37"/>
      <c r="AW69" s="37"/>
      <c r="AX69" s="37"/>
      <c r="AY69" s="37"/>
      <c r="AZ69" s="37"/>
      <c r="BA69" s="37"/>
      <c r="BB69" s="37"/>
      <c r="BC69" s="37"/>
      <c r="BD69" s="37"/>
      <c r="BE69" s="37"/>
      <c r="BF69" s="37"/>
      <c r="BG69" s="37"/>
      <c r="BH69" s="37"/>
      <c r="BI69" s="37"/>
      <c r="BJ69" s="37"/>
      <c r="BK69" s="37"/>
      <c r="BL69" s="37"/>
      <c r="BM69" s="37"/>
      <c r="BN69" s="37"/>
      <c r="BO69" s="37"/>
      <c r="BP69" s="37"/>
      <c r="BQ69" s="37"/>
      <c r="BR69" s="37"/>
      <c r="BS69" s="37"/>
      <c r="BT69" s="9"/>
    </row>
    <row r="70" spans="1:72" s="20" customFormat="1" x14ac:dyDescent="0.15">
      <c r="A70" s="144"/>
      <c r="B70" s="1"/>
      <c r="C70" s="50"/>
      <c r="D70" s="39"/>
      <c r="E70" s="39"/>
      <c r="F70" s="39"/>
      <c r="G70" s="39"/>
      <c r="H70" s="19"/>
      <c r="I70" s="37"/>
      <c r="J70" s="37"/>
      <c r="K70" s="49"/>
      <c r="L70" s="37"/>
      <c r="M70" s="37"/>
      <c r="N70" s="37"/>
      <c r="O70" s="37"/>
      <c r="P70" s="37"/>
      <c r="R70" s="48"/>
      <c r="S70" s="48"/>
      <c r="T70" s="48"/>
      <c r="U70" s="48"/>
      <c r="W70" s="48"/>
      <c r="X70" s="48"/>
      <c r="Y70" s="48"/>
      <c r="Z70" s="48"/>
      <c r="AB70" s="48"/>
      <c r="AC70" s="48"/>
      <c r="AD70" s="48"/>
      <c r="AE70" s="48"/>
      <c r="AG70" s="48"/>
      <c r="AH70" s="48"/>
      <c r="AI70" s="48"/>
      <c r="AJ70" s="48"/>
      <c r="AL70" s="48"/>
      <c r="AM70" s="48"/>
      <c r="AN70" s="48"/>
      <c r="AO70" s="48"/>
      <c r="AQ70" s="48"/>
      <c r="AR70" s="48"/>
      <c r="AS70" s="48"/>
      <c r="AT70" s="48"/>
      <c r="AV70" s="48"/>
      <c r="AW70" s="48"/>
      <c r="AX70" s="48"/>
      <c r="AY70" s="48"/>
      <c r="AZ70" s="48"/>
      <c r="BA70" s="48"/>
      <c r="BB70" s="48"/>
      <c r="BC70" s="48"/>
      <c r="BD70" s="48"/>
      <c r="BE70" s="48"/>
      <c r="BF70" s="48"/>
      <c r="BG70" s="48"/>
      <c r="BH70" s="48"/>
      <c r="BI70" s="48"/>
      <c r="BJ70" s="48"/>
      <c r="BK70" s="48"/>
      <c r="BL70" s="48"/>
      <c r="BM70" s="48"/>
      <c r="BN70" s="48"/>
      <c r="BO70" s="48"/>
      <c r="BP70" s="48"/>
      <c r="BQ70" s="48"/>
      <c r="BR70" s="48"/>
      <c r="BS70" s="48"/>
      <c r="BT70" s="9"/>
    </row>
    <row r="71" spans="1:72" s="20" customFormat="1" x14ac:dyDescent="0.15">
      <c r="A71" s="144"/>
      <c r="B71" s="1"/>
      <c r="C71" s="50"/>
      <c r="D71" s="39"/>
      <c r="E71" s="39"/>
      <c r="F71" s="39"/>
      <c r="G71" s="39"/>
      <c r="H71" s="19"/>
      <c r="I71" s="37"/>
      <c r="J71" s="37"/>
      <c r="K71" s="49"/>
      <c r="L71" s="37"/>
      <c r="M71" s="37"/>
      <c r="N71" s="37"/>
      <c r="O71" s="50"/>
      <c r="P71" s="50"/>
      <c r="R71" s="48"/>
      <c r="S71" s="48"/>
      <c r="T71" s="48"/>
      <c r="U71" s="48"/>
      <c r="W71" s="48"/>
      <c r="X71" s="48"/>
      <c r="Y71" s="48"/>
      <c r="Z71" s="48"/>
      <c r="AB71" s="48"/>
      <c r="AC71" s="48"/>
      <c r="AD71" s="48"/>
      <c r="AE71" s="48"/>
      <c r="AG71" s="48"/>
      <c r="AH71" s="48"/>
      <c r="AI71" s="48"/>
      <c r="AJ71" s="48"/>
      <c r="AL71" s="48"/>
      <c r="AM71" s="48"/>
      <c r="AN71" s="48"/>
      <c r="AO71" s="48"/>
      <c r="AQ71" s="48"/>
      <c r="AR71" s="48"/>
      <c r="AS71" s="48"/>
      <c r="AT71" s="48"/>
      <c r="AV71" s="48"/>
      <c r="AW71" s="48"/>
      <c r="AX71" s="48"/>
      <c r="AY71" s="48"/>
      <c r="AZ71" s="48"/>
      <c r="BA71" s="48"/>
      <c r="BB71" s="48"/>
      <c r="BC71" s="48"/>
      <c r="BD71" s="48"/>
      <c r="BE71" s="48"/>
      <c r="BF71" s="48"/>
      <c r="BG71" s="48"/>
      <c r="BH71" s="48"/>
      <c r="BI71" s="48"/>
      <c r="BJ71" s="48"/>
      <c r="BK71" s="48"/>
      <c r="BL71" s="48"/>
      <c r="BM71" s="48"/>
      <c r="BN71" s="48"/>
      <c r="BO71" s="48"/>
      <c r="BP71" s="48"/>
      <c r="BQ71" s="48"/>
      <c r="BR71" s="48"/>
      <c r="BS71" s="48"/>
      <c r="BT71" s="9"/>
    </row>
    <row r="72" spans="1:72" s="20" customFormat="1" x14ac:dyDescent="0.15">
      <c r="A72" s="144"/>
      <c r="B72" s="1"/>
      <c r="C72" s="293" t="s">
        <v>16</v>
      </c>
      <c r="D72" s="293"/>
      <c r="E72" s="293"/>
      <c r="F72" s="293"/>
      <c r="G72" s="293"/>
      <c r="H72" s="293"/>
      <c r="I72" s="207" t="s">
        <v>124</v>
      </c>
      <c r="J72" s="293" t="s">
        <v>204</v>
      </c>
      <c r="K72" s="293"/>
      <c r="L72" s="293"/>
      <c r="M72" s="293"/>
      <c r="N72" s="293"/>
      <c r="O72" s="293"/>
      <c r="P72" s="127"/>
      <c r="R72" s="48"/>
      <c r="S72" s="48"/>
      <c r="T72" s="48"/>
      <c r="U72" s="48"/>
      <c r="W72" s="48"/>
      <c r="X72" s="48"/>
      <c r="Y72" s="48"/>
      <c r="Z72" s="48"/>
      <c r="AB72" s="48"/>
      <c r="AC72" s="48"/>
      <c r="AD72" s="48"/>
      <c r="AE72" s="48"/>
      <c r="AG72" s="48"/>
      <c r="AH72" s="48"/>
      <c r="AI72" s="48"/>
      <c r="AJ72" s="48"/>
      <c r="AL72" s="48"/>
      <c r="AM72" s="48"/>
      <c r="AN72" s="48"/>
      <c r="AO72" s="48"/>
      <c r="AQ72" s="48"/>
      <c r="AR72" s="48"/>
      <c r="AS72" s="48"/>
      <c r="AT72" s="48"/>
      <c r="AV72" s="48"/>
      <c r="AW72" s="48"/>
      <c r="AX72" s="48"/>
      <c r="AY72" s="48"/>
      <c r="AZ72" s="48"/>
      <c r="BA72" s="48"/>
      <c r="BB72" s="48"/>
      <c r="BC72" s="48"/>
      <c r="BD72" s="48"/>
      <c r="BE72" s="48"/>
      <c r="BF72" s="48"/>
      <c r="BG72" s="48"/>
      <c r="BH72" s="48"/>
      <c r="BI72" s="48"/>
      <c r="BJ72" s="48"/>
      <c r="BK72" s="48"/>
      <c r="BL72" s="48"/>
      <c r="BM72" s="48"/>
      <c r="BN72" s="48"/>
      <c r="BO72" s="48"/>
      <c r="BP72" s="48"/>
      <c r="BQ72" s="48"/>
      <c r="BR72" s="48"/>
      <c r="BS72" s="48"/>
      <c r="BT72" s="9"/>
    </row>
    <row r="73" spans="1:72" s="20" customFormat="1" x14ac:dyDescent="0.15">
      <c r="A73" s="144"/>
      <c r="B73" s="1"/>
      <c r="C73" s="293" t="s">
        <v>18</v>
      </c>
      <c r="D73" s="293"/>
      <c r="E73" s="293"/>
      <c r="F73" s="293"/>
      <c r="G73" s="293"/>
      <c r="H73" s="293"/>
      <c r="I73" s="207" t="s">
        <v>125</v>
      </c>
      <c r="J73" s="208" t="s">
        <v>159</v>
      </c>
      <c r="P73" s="50"/>
      <c r="R73" s="33"/>
      <c r="S73" s="33"/>
      <c r="T73" s="33"/>
      <c r="U73" s="33"/>
      <c r="W73" s="33"/>
      <c r="X73" s="33"/>
      <c r="Y73" s="33"/>
      <c r="Z73" s="33"/>
      <c r="AB73" s="33"/>
      <c r="AC73" s="33"/>
      <c r="AD73" s="33"/>
      <c r="AE73" s="33"/>
      <c r="AG73" s="33"/>
      <c r="AH73" s="33"/>
      <c r="AI73" s="33"/>
      <c r="AJ73" s="33"/>
      <c r="AL73" s="33"/>
      <c r="AM73" s="33"/>
      <c r="AN73" s="33"/>
      <c r="AO73" s="33"/>
      <c r="AQ73" s="33"/>
      <c r="AR73" s="33"/>
      <c r="AS73" s="33"/>
      <c r="AT73" s="33"/>
      <c r="AV73" s="33"/>
      <c r="AW73" s="33"/>
      <c r="AX73" s="33"/>
      <c r="AY73" s="33"/>
      <c r="AZ73" s="33"/>
      <c r="BA73" s="33"/>
      <c r="BB73" s="33"/>
      <c r="BC73" s="33"/>
      <c r="BD73" s="33"/>
      <c r="BE73" s="33"/>
      <c r="BF73" s="33"/>
      <c r="BG73" s="33"/>
      <c r="BH73" s="33"/>
      <c r="BI73" s="33"/>
      <c r="BJ73" s="33"/>
      <c r="BK73" s="33"/>
      <c r="BL73" s="33"/>
      <c r="BM73" s="33"/>
      <c r="BN73" s="33"/>
      <c r="BO73" s="33"/>
      <c r="BP73" s="33"/>
      <c r="BQ73" s="33"/>
      <c r="BR73" s="33"/>
      <c r="BS73" s="33"/>
      <c r="BT73" s="9"/>
    </row>
    <row r="74" spans="1:72" s="20" customFormat="1" x14ac:dyDescent="0.15">
      <c r="A74" s="144"/>
      <c r="B74" s="1"/>
      <c r="C74" s="293" t="s">
        <v>20</v>
      </c>
      <c r="D74" s="293"/>
      <c r="E74" s="293"/>
      <c r="F74" s="293"/>
      <c r="G74" s="293"/>
      <c r="H74" s="293"/>
      <c r="I74" s="207" t="s">
        <v>126</v>
      </c>
      <c r="J74" s="208" t="s">
        <v>160</v>
      </c>
      <c r="K74" s="208"/>
      <c r="L74" s="208"/>
      <c r="M74" s="208"/>
      <c r="N74" s="208"/>
      <c r="O74" s="208"/>
      <c r="P74" s="50"/>
      <c r="R74" s="48"/>
      <c r="S74" s="48"/>
      <c r="T74" s="48"/>
      <c r="U74" s="48"/>
      <c r="W74" s="48"/>
      <c r="X74" s="48"/>
      <c r="Y74" s="48"/>
      <c r="Z74" s="48"/>
      <c r="AB74" s="48"/>
      <c r="AC74" s="48"/>
      <c r="AD74" s="48"/>
      <c r="AE74" s="48"/>
      <c r="AG74" s="48"/>
      <c r="AH74" s="48"/>
      <c r="AI74" s="48"/>
      <c r="AJ74" s="48"/>
      <c r="AL74" s="48"/>
      <c r="AM74" s="48"/>
      <c r="AN74" s="48"/>
      <c r="AO74" s="48"/>
      <c r="AQ74" s="48"/>
      <c r="AR74" s="48"/>
      <c r="AS74" s="48"/>
      <c r="AT74" s="48"/>
      <c r="AV74" s="48"/>
      <c r="AW74" s="48"/>
      <c r="AX74" s="48"/>
      <c r="AY74" s="48"/>
      <c r="AZ74" s="48"/>
      <c r="BA74" s="48"/>
      <c r="BB74" s="48"/>
      <c r="BC74" s="48"/>
      <c r="BD74" s="48"/>
      <c r="BE74" s="48"/>
      <c r="BF74" s="48"/>
      <c r="BG74" s="48"/>
      <c r="BH74" s="48"/>
      <c r="BI74" s="48"/>
      <c r="BJ74" s="48"/>
      <c r="BK74" s="48"/>
      <c r="BL74" s="48"/>
      <c r="BM74" s="48"/>
      <c r="BN74" s="48"/>
      <c r="BO74" s="48"/>
      <c r="BP74" s="48"/>
      <c r="BQ74" s="48"/>
      <c r="BR74" s="48"/>
      <c r="BS74" s="48"/>
      <c r="BT74" s="9"/>
    </row>
    <row r="75" spans="1:72" s="20" customFormat="1" x14ac:dyDescent="0.15">
      <c r="A75" s="144"/>
      <c r="B75" s="1"/>
      <c r="C75" s="293" t="s">
        <v>22</v>
      </c>
      <c r="D75" s="293"/>
      <c r="E75" s="293"/>
      <c r="F75" s="293"/>
      <c r="G75" s="293"/>
      <c r="H75" s="293"/>
      <c r="I75" s="207" t="s">
        <v>127</v>
      </c>
      <c r="K75" s="208"/>
      <c r="L75" s="208"/>
      <c r="M75" s="208"/>
      <c r="N75" s="208"/>
      <c r="O75" s="208"/>
      <c r="P75" s="50"/>
      <c r="R75" s="33"/>
      <c r="S75" s="33"/>
      <c r="T75" s="33"/>
      <c r="U75" s="33"/>
      <c r="W75" s="33"/>
      <c r="X75" s="33"/>
      <c r="Y75" s="33"/>
      <c r="Z75" s="33"/>
      <c r="AB75" s="33"/>
      <c r="AC75" s="33"/>
      <c r="AD75" s="33"/>
      <c r="AE75" s="33"/>
      <c r="AG75" s="33"/>
      <c r="AH75" s="33"/>
      <c r="AI75" s="33"/>
      <c r="AJ75" s="33"/>
      <c r="AL75" s="33"/>
      <c r="AM75" s="33"/>
      <c r="AN75" s="33"/>
      <c r="AO75" s="33"/>
      <c r="AQ75" s="33"/>
      <c r="AR75" s="33"/>
      <c r="AS75" s="33"/>
      <c r="AT75" s="33"/>
      <c r="AV75" s="33"/>
      <c r="AW75" s="33"/>
      <c r="AX75" s="33"/>
      <c r="AY75" s="33"/>
      <c r="AZ75" s="33"/>
      <c r="BA75" s="33"/>
      <c r="BB75" s="33"/>
      <c r="BC75" s="33"/>
      <c r="BD75" s="33"/>
      <c r="BE75" s="33"/>
      <c r="BF75" s="33"/>
      <c r="BG75" s="33"/>
      <c r="BH75" s="33"/>
      <c r="BI75" s="33"/>
      <c r="BJ75" s="33"/>
      <c r="BK75" s="33"/>
      <c r="BL75" s="33"/>
      <c r="BM75" s="33"/>
      <c r="BN75" s="33"/>
      <c r="BO75" s="33"/>
      <c r="BP75" s="33"/>
      <c r="BQ75" s="33"/>
      <c r="BR75" s="33"/>
      <c r="BS75" s="33"/>
      <c r="BT75" s="9"/>
    </row>
    <row r="76" spans="1:72" s="20" customFormat="1" x14ac:dyDescent="0.15">
      <c r="A76" s="144"/>
      <c r="B76" s="1"/>
      <c r="C76" s="293" t="s">
        <v>24</v>
      </c>
      <c r="D76" s="293"/>
      <c r="E76" s="293"/>
      <c r="F76" s="293"/>
      <c r="G76" s="293"/>
      <c r="H76" s="293"/>
      <c r="I76" s="207" t="s">
        <v>128</v>
      </c>
      <c r="J76" s="33"/>
      <c r="K76" s="33"/>
      <c r="L76" s="33"/>
      <c r="M76" s="33"/>
      <c r="O76" s="33"/>
      <c r="P76" s="33"/>
      <c r="Q76" s="33"/>
      <c r="R76" s="33"/>
      <c r="T76" s="33"/>
      <c r="U76" s="33"/>
      <c r="V76" s="33"/>
      <c r="W76" s="33"/>
      <c r="Y76" s="33"/>
      <c r="Z76" s="33"/>
      <c r="AA76" s="33"/>
      <c r="AB76" s="33"/>
      <c r="AD76" s="33"/>
      <c r="AE76" s="33"/>
      <c r="AF76" s="33"/>
      <c r="AG76" s="33"/>
      <c r="AI76" s="33"/>
      <c r="AJ76" s="33"/>
      <c r="AK76" s="33"/>
      <c r="AL76" s="33"/>
      <c r="AN76" s="33"/>
      <c r="AO76" s="33"/>
      <c r="AP76" s="33"/>
      <c r="AQ76" s="33"/>
      <c r="AR76" s="33"/>
      <c r="AS76" s="33"/>
      <c r="AT76" s="33"/>
      <c r="AU76" s="33"/>
      <c r="AV76" s="33"/>
      <c r="AW76" s="33"/>
      <c r="AX76" s="33"/>
      <c r="AY76" s="33"/>
      <c r="AZ76" s="33"/>
      <c r="BA76" s="33"/>
      <c r="BB76" s="33"/>
      <c r="BC76" s="33"/>
      <c r="BD76" s="33"/>
      <c r="BE76" s="33"/>
      <c r="BF76" s="33"/>
      <c r="BG76" s="33"/>
      <c r="BH76" s="33"/>
      <c r="BI76" s="33"/>
      <c r="BJ76" s="33"/>
      <c r="BK76" s="33"/>
      <c r="BL76" s="9"/>
    </row>
    <row r="77" spans="1:72" s="20" customFormat="1" x14ac:dyDescent="0.15">
      <c r="A77" s="144"/>
      <c r="B77" s="1"/>
      <c r="C77" s="293" t="s">
        <v>26</v>
      </c>
      <c r="D77" s="293"/>
      <c r="E77" s="293"/>
      <c r="F77" s="293"/>
      <c r="G77" s="293"/>
      <c r="H77" s="293"/>
      <c r="I77" s="52"/>
      <c r="J77" s="8"/>
      <c r="K77" s="8"/>
      <c r="L77" s="8"/>
      <c r="M77" s="8"/>
      <c r="N77" s="8"/>
      <c r="O77" s="8"/>
      <c r="P77" s="8"/>
      <c r="Q77" s="8"/>
      <c r="R77" s="8"/>
      <c r="S77" s="8"/>
      <c r="T77" s="8"/>
      <c r="U77" s="8"/>
      <c r="V77" s="8"/>
      <c r="W77" s="8"/>
      <c r="X77" s="8"/>
      <c r="Y77" s="8"/>
      <c r="Z77" s="8"/>
      <c r="AA77" s="8"/>
      <c r="AB77" s="8"/>
      <c r="AC77" s="8"/>
      <c r="AD77" s="8"/>
      <c r="AE77" s="8"/>
      <c r="AF77" s="8"/>
      <c r="AG77" s="8"/>
      <c r="AH77" s="8"/>
      <c r="AI77" s="8"/>
      <c r="AJ77" s="8"/>
      <c r="AK77" s="8"/>
      <c r="AL77" s="8"/>
      <c r="AM77" s="8"/>
      <c r="AN77" s="8"/>
      <c r="AO77" s="8"/>
      <c r="AP77" s="8"/>
      <c r="AQ77" s="8"/>
      <c r="AR77" s="8"/>
      <c r="AS77" s="8"/>
      <c r="AT77" s="8"/>
      <c r="AU77" s="8"/>
      <c r="AV77" s="8"/>
      <c r="AW77" s="8"/>
      <c r="AX77" s="8"/>
      <c r="AY77" s="8"/>
      <c r="AZ77" s="8"/>
      <c r="BA77" s="8"/>
      <c r="BB77" s="8"/>
      <c r="BC77" s="8"/>
      <c r="BD77" s="8"/>
      <c r="BE77" s="8"/>
      <c r="BF77" s="8"/>
      <c r="BG77" s="8"/>
      <c r="BH77" s="8"/>
      <c r="BI77" s="8"/>
      <c r="BJ77" s="8"/>
      <c r="BK77" s="8"/>
      <c r="BL77" s="9"/>
    </row>
    <row r="78" spans="1:72" s="20" customFormat="1" x14ac:dyDescent="0.15">
      <c r="A78" s="144"/>
      <c r="B78" s="1"/>
      <c r="C78" s="293" t="s">
        <v>17</v>
      </c>
      <c r="D78" s="293"/>
      <c r="E78" s="293"/>
      <c r="F78" s="293"/>
      <c r="G78" s="293"/>
      <c r="H78" s="293"/>
      <c r="I78" s="189"/>
      <c r="J78" s="8"/>
      <c r="K78" s="8"/>
      <c r="L78" s="8"/>
      <c r="M78" s="8"/>
      <c r="N78" s="8"/>
      <c r="O78" s="8"/>
      <c r="P78" s="8"/>
      <c r="Q78" s="8"/>
      <c r="R78" s="8"/>
      <c r="S78" s="8"/>
      <c r="T78" s="8"/>
      <c r="U78" s="8"/>
      <c r="V78" s="8"/>
      <c r="W78" s="8"/>
      <c r="X78" s="8"/>
      <c r="Y78" s="8"/>
      <c r="Z78" s="8"/>
      <c r="AA78" s="8"/>
      <c r="AB78" s="8"/>
      <c r="AC78" s="8"/>
      <c r="AD78" s="8"/>
      <c r="AE78" s="8"/>
      <c r="AF78" s="8"/>
      <c r="AG78" s="8"/>
      <c r="AH78" s="8"/>
      <c r="AI78" s="8"/>
      <c r="AJ78" s="8"/>
      <c r="AK78" s="8"/>
      <c r="AL78" s="8"/>
      <c r="AM78" s="8"/>
      <c r="AN78" s="8"/>
      <c r="AO78" s="8"/>
      <c r="AP78" s="8"/>
      <c r="AQ78" s="8"/>
      <c r="AR78" s="8"/>
      <c r="AS78" s="8"/>
      <c r="AT78" s="8"/>
      <c r="AU78" s="8"/>
      <c r="AV78" s="8"/>
      <c r="AW78" s="8"/>
      <c r="AX78" s="8"/>
      <c r="AY78" s="8"/>
      <c r="AZ78" s="8"/>
      <c r="BA78" s="8"/>
      <c r="BB78" s="8"/>
      <c r="BC78" s="8"/>
      <c r="BD78" s="8"/>
      <c r="BE78" s="8"/>
      <c r="BF78" s="8"/>
      <c r="BG78" s="8"/>
      <c r="BH78" s="8"/>
      <c r="BI78" s="8"/>
      <c r="BJ78" s="8"/>
      <c r="BK78" s="8"/>
      <c r="BL78" s="9"/>
    </row>
    <row r="79" spans="1:72" s="20" customFormat="1" x14ac:dyDescent="0.15">
      <c r="A79" s="144"/>
      <c r="B79" s="1"/>
      <c r="C79" s="293" t="s">
        <v>19</v>
      </c>
      <c r="D79" s="293"/>
      <c r="E79" s="293"/>
      <c r="F79" s="293"/>
      <c r="G79" s="293"/>
      <c r="H79" s="293"/>
      <c r="I79" s="189"/>
      <c r="J79" s="8"/>
      <c r="K79" s="8"/>
      <c r="L79" s="8"/>
      <c r="M79" s="8"/>
      <c r="N79" s="8"/>
      <c r="O79" s="8"/>
      <c r="P79" s="8"/>
      <c r="Q79" s="8"/>
      <c r="R79" s="8"/>
      <c r="S79" s="8"/>
      <c r="T79" s="8"/>
      <c r="U79" s="8"/>
      <c r="V79" s="8"/>
      <c r="W79" s="8"/>
      <c r="X79" s="8"/>
      <c r="Y79" s="8"/>
      <c r="Z79" s="8"/>
      <c r="AA79" s="8"/>
      <c r="AB79" s="8"/>
      <c r="AC79" s="8"/>
      <c r="AD79" s="8"/>
      <c r="AE79" s="8"/>
      <c r="AF79" s="8"/>
      <c r="AG79" s="8"/>
      <c r="AH79" s="8"/>
      <c r="AI79" s="8"/>
      <c r="AJ79" s="8"/>
      <c r="AK79" s="8"/>
      <c r="AL79" s="8"/>
      <c r="AM79" s="8"/>
      <c r="AN79" s="8"/>
      <c r="AO79" s="8"/>
      <c r="AP79" s="8"/>
      <c r="AQ79" s="8"/>
      <c r="AR79" s="8"/>
      <c r="AS79" s="8"/>
      <c r="AT79" s="8"/>
      <c r="AU79" s="8"/>
      <c r="AV79" s="8"/>
      <c r="AW79" s="8"/>
      <c r="AX79" s="8"/>
      <c r="AY79" s="8"/>
      <c r="AZ79" s="8"/>
      <c r="BA79" s="8"/>
      <c r="BB79" s="8"/>
      <c r="BC79" s="8"/>
      <c r="BD79" s="8"/>
      <c r="BE79" s="8"/>
      <c r="BF79" s="8"/>
      <c r="BG79" s="8"/>
      <c r="BH79" s="8"/>
      <c r="BI79" s="8"/>
      <c r="BJ79" s="8"/>
      <c r="BK79" s="8"/>
      <c r="BL79" s="9"/>
    </row>
    <row r="80" spans="1:72" s="20" customFormat="1" x14ac:dyDescent="0.15">
      <c r="A80" s="144"/>
      <c r="B80" s="1"/>
      <c r="C80" s="293" t="s">
        <v>21</v>
      </c>
      <c r="D80" s="293"/>
      <c r="E80" s="293"/>
      <c r="F80" s="293"/>
      <c r="G80" s="293"/>
      <c r="H80" s="293"/>
      <c r="I80" s="189"/>
      <c r="J80" s="8"/>
      <c r="K80" s="8"/>
      <c r="L80" s="8"/>
      <c r="M80" s="8"/>
      <c r="N80" s="8"/>
      <c r="O80" s="8"/>
      <c r="P80" s="8"/>
      <c r="Q80" s="8"/>
      <c r="R80" s="8"/>
      <c r="S80" s="8"/>
      <c r="T80" s="8"/>
      <c r="U80" s="8"/>
      <c r="V80" s="8"/>
      <c r="W80" s="8"/>
      <c r="X80" s="8"/>
      <c r="Y80" s="8"/>
      <c r="Z80" s="8"/>
      <c r="AA80" s="8"/>
      <c r="AB80" s="8"/>
      <c r="AC80" s="8"/>
      <c r="AD80" s="8"/>
      <c r="AE80" s="8"/>
      <c r="AF80" s="8"/>
      <c r="AG80" s="8"/>
      <c r="AH80" s="8"/>
      <c r="AI80" s="8"/>
      <c r="AJ80" s="8"/>
      <c r="AK80" s="8"/>
      <c r="AL80" s="8"/>
      <c r="AM80" s="8"/>
      <c r="AN80" s="8"/>
      <c r="AO80" s="8"/>
      <c r="AP80" s="8"/>
      <c r="AQ80" s="8"/>
      <c r="AR80" s="8"/>
      <c r="AS80" s="8"/>
      <c r="AT80" s="8"/>
      <c r="AU80" s="8"/>
      <c r="AV80" s="8"/>
      <c r="AW80" s="8"/>
      <c r="AX80" s="8"/>
      <c r="AY80" s="8"/>
      <c r="AZ80" s="8"/>
      <c r="BA80" s="8"/>
      <c r="BB80" s="8"/>
      <c r="BC80" s="8"/>
      <c r="BD80" s="8"/>
      <c r="BE80" s="8"/>
      <c r="BF80" s="8"/>
      <c r="BG80" s="8"/>
      <c r="BH80" s="8"/>
      <c r="BI80" s="8"/>
      <c r="BJ80" s="8"/>
      <c r="BK80" s="8"/>
      <c r="BL80" s="9"/>
    </row>
    <row r="81" spans="1:72" s="20" customFormat="1" x14ac:dyDescent="0.15">
      <c r="A81" s="144"/>
      <c r="B81" s="1"/>
      <c r="C81" s="293" t="s">
        <v>23</v>
      </c>
      <c r="D81" s="293"/>
      <c r="E81" s="293"/>
      <c r="F81" s="293"/>
      <c r="G81" s="293"/>
      <c r="H81" s="293"/>
      <c r="I81" s="189"/>
      <c r="J81" s="8"/>
      <c r="K81" s="8"/>
      <c r="L81" s="8"/>
      <c r="M81" s="8"/>
      <c r="N81" s="8"/>
      <c r="O81" s="8"/>
      <c r="P81" s="8"/>
      <c r="Q81" s="8"/>
      <c r="R81" s="8"/>
      <c r="S81" s="8"/>
      <c r="T81" s="8"/>
      <c r="U81" s="8"/>
      <c r="V81" s="8"/>
      <c r="W81" s="8"/>
      <c r="X81" s="8"/>
      <c r="Y81" s="8"/>
      <c r="Z81" s="8"/>
      <c r="AA81" s="8"/>
      <c r="AB81" s="8"/>
      <c r="AC81" s="8"/>
      <c r="AD81" s="8"/>
      <c r="AE81" s="8"/>
      <c r="AF81" s="8"/>
      <c r="AG81" s="8"/>
      <c r="AH81" s="8"/>
      <c r="AI81" s="8"/>
      <c r="AJ81" s="8"/>
      <c r="AK81" s="8"/>
      <c r="AL81" s="8"/>
      <c r="AM81" s="8"/>
      <c r="AN81" s="8"/>
      <c r="AO81" s="8"/>
      <c r="AP81" s="8"/>
      <c r="AQ81" s="8"/>
      <c r="AR81" s="8"/>
      <c r="AS81" s="8"/>
      <c r="AT81" s="8"/>
      <c r="AU81" s="8"/>
      <c r="AV81" s="8"/>
      <c r="AW81" s="8"/>
      <c r="AX81" s="8"/>
      <c r="AY81" s="8"/>
      <c r="AZ81" s="8"/>
      <c r="BA81" s="8"/>
      <c r="BB81" s="8"/>
      <c r="BC81" s="8"/>
      <c r="BD81" s="8"/>
      <c r="BE81" s="8"/>
      <c r="BF81" s="8"/>
      <c r="BG81" s="8"/>
      <c r="BH81" s="8"/>
      <c r="BI81" s="8"/>
      <c r="BJ81" s="8"/>
      <c r="BK81" s="8"/>
      <c r="BL81" s="9"/>
    </row>
    <row r="82" spans="1:72" s="20" customFormat="1" x14ac:dyDescent="0.15">
      <c r="A82" s="144"/>
      <c r="B82" s="1"/>
      <c r="C82" s="293" t="s">
        <v>25</v>
      </c>
      <c r="D82" s="293"/>
      <c r="E82" s="293"/>
      <c r="F82" s="293"/>
      <c r="G82" s="293"/>
      <c r="H82" s="293"/>
      <c r="I82" s="189"/>
      <c r="J82" s="8"/>
      <c r="K82" s="8"/>
      <c r="L82" s="8"/>
      <c r="M82" s="8"/>
      <c r="N82" s="8"/>
      <c r="O82" s="8"/>
      <c r="P82" s="8"/>
      <c r="Q82" s="8"/>
      <c r="R82" s="8"/>
      <c r="S82" s="8"/>
      <c r="T82" s="8"/>
      <c r="U82" s="8"/>
      <c r="V82" s="8"/>
      <c r="W82" s="8"/>
      <c r="X82" s="8"/>
      <c r="Y82" s="8"/>
      <c r="Z82" s="8"/>
      <c r="AA82" s="8"/>
      <c r="AB82" s="8"/>
      <c r="AC82" s="8"/>
      <c r="AD82" s="8"/>
      <c r="AE82" s="8"/>
      <c r="AF82" s="8"/>
      <c r="AG82" s="8"/>
      <c r="AH82" s="8"/>
      <c r="AI82" s="8"/>
      <c r="AJ82" s="8"/>
      <c r="AK82" s="8"/>
      <c r="AL82" s="8"/>
      <c r="AM82" s="8"/>
      <c r="AN82" s="8"/>
      <c r="AO82" s="8"/>
      <c r="AP82" s="8"/>
      <c r="AQ82" s="8"/>
      <c r="AR82" s="8"/>
      <c r="AS82" s="8"/>
      <c r="AT82" s="8"/>
      <c r="AU82" s="8"/>
      <c r="AV82" s="8"/>
      <c r="AW82" s="8"/>
      <c r="AX82" s="8"/>
      <c r="AY82" s="8"/>
      <c r="AZ82" s="8"/>
      <c r="BA82" s="8"/>
      <c r="BB82" s="8"/>
      <c r="BC82" s="8"/>
      <c r="BD82" s="8"/>
      <c r="BE82" s="8"/>
      <c r="BF82" s="8"/>
      <c r="BG82" s="8"/>
      <c r="BH82" s="8"/>
      <c r="BI82" s="8"/>
      <c r="BJ82" s="8"/>
      <c r="BK82" s="8"/>
      <c r="BL82" s="9"/>
    </row>
    <row r="83" spans="1:72" s="20" customFormat="1" x14ac:dyDescent="0.15">
      <c r="A83" s="144"/>
      <c r="B83" s="1"/>
      <c r="C83" s="189"/>
      <c r="D83" s="189"/>
      <c r="E83" s="189"/>
      <c r="F83" s="189"/>
      <c r="G83" s="189"/>
      <c r="H83" s="189"/>
      <c r="I83" s="189"/>
      <c r="J83" s="8"/>
      <c r="K83" s="8"/>
      <c r="L83" s="8"/>
      <c r="M83" s="8"/>
      <c r="N83" s="8"/>
      <c r="O83" s="8"/>
      <c r="P83" s="8"/>
      <c r="Q83" s="8"/>
      <c r="R83" s="8"/>
      <c r="S83" s="8"/>
      <c r="T83" s="8"/>
      <c r="U83" s="8"/>
      <c r="V83" s="8"/>
      <c r="W83" s="8"/>
      <c r="X83" s="8"/>
      <c r="Y83" s="8"/>
      <c r="Z83" s="8"/>
      <c r="AA83" s="8"/>
      <c r="AB83" s="8"/>
      <c r="AC83" s="8"/>
      <c r="AD83" s="8"/>
      <c r="AE83" s="8"/>
      <c r="AF83" s="8"/>
      <c r="AG83" s="8"/>
      <c r="AH83" s="8"/>
      <c r="AI83" s="8"/>
      <c r="AJ83" s="8"/>
      <c r="AK83" s="8"/>
      <c r="AL83" s="8"/>
      <c r="AM83" s="8"/>
      <c r="AN83" s="8"/>
      <c r="AO83" s="8"/>
      <c r="AP83" s="8"/>
      <c r="AQ83" s="8"/>
      <c r="AR83" s="8"/>
      <c r="AS83" s="8"/>
      <c r="AT83" s="8"/>
      <c r="AU83" s="8"/>
      <c r="AV83" s="8"/>
      <c r="AW83" s="8"/>
      <c r="AX83" s="8"/>
      <c r="AY83" s="8"/>
      <c r="AZ83" s="8"/>
      <c r="BA83" s="8"/>
      <c r="BB83" s="8"/>
      <c r="BC83" s="8"/>
      <c r="BD83" s="8"/>
      <c r="BE83" s="8"/>
      <c r="BF83" s="8"/>
      <c r="BG83" s="8"/>
      <c r="BH83" s="8"/>
      <c r="BI83" s="8"/>
      <c r="BJ83" s="8"/>
      <c r="BK83" s="8"/>
      <c r="BL83" s="9"/>
    </row>
    <row r="84" spans="1:72" s="20" customFormat="1" x14ac:dyDescent="0.15">
      <c r="A84" s="144"/>
      <c r="B84" s="1"/>
      <c r="C84" s="189"/>
      <c r="D84" s="189"/>
      <c r="E84" s="189"/>
      <c r="F84" s="189"/>
      <c r="G84" s="189"/>
      <c r="H84" s="189"/>
      <c r="I84" s="189"/>
      <c r="J84" s="8"/>
      <c r="K84" s="8"/>
      <c r="L84" s="8"/>
      <c r="M84" s="8"/>
      <c r="N84" s="8"/>
      <c r="O84" s="8"/>
      <c r="P84" s="8"/>
      <c r="Q84" s="8"/>
      <c r="R84" s="8"/>
      <c r="S84" s="8"/>
      <c r="T84" s="8"/>
      <c r="U84" s="8"/>
      <c r="V84" s="8"/>
      <c r="W84" s="8"/>
      <c r="X84" s="8"/>
      <c r="Y84" s="8"/>
      <c r="Z84" s="8"/>
      <c r="AA84" s="8"/>
      <c r="AB84" s="8"/>
      <c r="AC84" s="8"/>
      <c r="AD84" s="8"/>
      <c r="AE84" s="8"/>
      <c r="AF84" s="8"/>
      <c r="AG84" s="8"/>
      <c r="AH84" s="8"/>
      <c r="AI84" s="8"/>
      <c r="AJ84" s="8"/>
      <c r="AK84" s="8"/>
      <c r="AL84" s="8"/>
      <c r="AM84" s="8"/>
      <c r="AN84" s="8"/>
      <c r="AO84" s="8"/>
      <c r="AP84" s="8"/>
      <c r="AQ84" s="8"/>
      <c r="AR84" s="8"/>
      <c r="AS84" s="8"/>
      <c r="AT84" s="8"/>
      <c r="AU84" s="8"/>
      <c r="AV84" s="8"/>
      <c r="AW84" s="8"/>
      <c r="AX84" s="8"/>
      <c r="AY84" s="8"/>
      <c r="AZ84" s="8"/>
      <c r="BA84" s="8"/>
      <c r="BB84" s="8"/>
      <c r="BC84" s="8"/>
      <c r="BD84" s="8"/>
      <c r="BE84" s="8"/>
      <c r="BF84" s="8"/>
      <c r="BG84" s="8"/>
      <c r="BH84" s="8"/>
      <c r="BI84" s="8"/>
      <c r="BJ84" s="8"/>
      <c r="BK84" s="8"/>
      <c r="BL84" s="9"/>
    </row>
    <row r="85" spans="1:72" s="20" customFormat="1" x14ac:dyDescent="0.15">
      <c r="A85" s="144"/>
      <c r="B85" s="1"/>
      <c r="C85" s="189"/>
      <c r="D85" s="189"/>
      <c r="E85" s="189"/>
      <c r="F85" s="189"/>
      <c r="G85" s="189"/>
      <c r="H85" s="189"/>
      <c r="I85" s="189"/>
      <c r="J85" s="51"/>
      <c r="K85" s="53"/>
      <c r="L85" s="5"/>
      <c r="M85" s="5"/>
      <c r="N85" s="8"/>
      <c r="O85" s="8"/>
      <c r="P85" s="8"/>
      <c r="Q85" s="8"/>
      <c r="R85" s="8"/>
      <c r="S85" s="8"/>
      <c r="T85" s="8"/>
      <c r="U85" s="8"/>
      <c r="V85" s="8"/>
      <c r="W85" s="8"/>
      <c r="X85" s="8"/>
      <c r="Y85" s="8"/>
      <c r="Z85" s="8"/>
      <c r="AA85" s="8"/>
      <c r="AB85" s="8"/>
      <c r="AC85" s="8"/>
      <c r="AD85" s="8"/>
      <c r="AE85" s="8"/>
      <c r="AF85" s="8"/>
      <c r="AG85" s="8"/>
      <c r="AH85" s="8"/>
      <c r="AI85" s="8"/>
      <c r="AJ85" s="8"/>
      <c r="AK85" s="8"/>
      <c r="AL85" s="8"/>
      <c r="AM85" s="8"/>
      <c r="AN85" s="8"/>
      <c r="AO85" s="8"/>
      <c r="AP85" s="8"/>
      <c r="AQ85" s="8"/>
      <c r="AR85" s="8"/>
      <c r="AS85" s="8"/>
      <c r="AT85" s="8"/>
      <c r="AU85" s="8"/>
      <c r="AV85" s="8"/>
      <c r="AW85" s="8"/>
      <c r="AX85" s="8"/>
      <c r="AY85" s="8"/>
      <c r="AZ85" s="8"/>
      <c r="BA85" s="8"/>
      <c r="BB85" s="8"/>
      <c r="BC85" s="8"/>
      <c r="BD85" s="8"/>
      <c r="BE85" s="8"/>
      <c r="BF85" s="8"/>
      <c r="BG85" s="8"/>
      <c r="BH85" s="8"/>
      <c r="BI85" s="8"/>
      <c r="BJ85" s="8"/>
      <c r="BK85" s="8"/>
      <c r="BL85" s="8"/>
      <c r="BM85" s="8"/>
      <c r="BN85" s="8"/>
      <c r="BO85" s="8"/>
      <c r="BP85" s="8"/>
      <c r="BQ85" s="8"/>
      <c r="BR85" s="8"/>
      <c r="BS85" s="8"/>
      <c r="BT85" s="9"/>
    </row>
    <row r="86" spans="1:72" s="20" customFormat="1" x14ac:dyDescent="0.15">
      <c r="A86" s="144"/>
      <c r="B86" s="1"/>
      <c r="C86" s="37"/>
      <c r="D86" s="37"/>
      <c r="E86" s="37"/>
      <c r="F86" s="37"/>
      <c r="G86" s="37"/>
      <c r="H86" s="37"/>
      <c r="I86" s="37"/>
      <c r="J86" s="37"/>
      <c r="K86" s="49"/>
      <c r="L86" s="37"/>
      <c r="M86" s="37"/>
      <c r="N86" s="37"/>
      <c r="O86" s="37"/>
      <c r="P86" s="37"/>
      <c r="Q86" s="37"/>
      <c r="R86" s="37"/>
      <c r="S86" s="37"/>
      <c r="T86" s="37"/>
      <c r="U86" s="37"/>
      <c r="V86" s="37"/>
      <c r="W86" s="37"/>
      <c r="X86" s="37"/>
      <c r="Y86" s="37"/>
      <c r="Z86" s="37"/>
      <c r="AA86" s="37"/>
      <c r="AB86" s="37"/>
      <c r="AC86" s="37"/>
      <c r="AD86" s="37"/>
      <c r="AE86" s="37"/>
      <c r="AF86" s="37"/>
      <c r="AG86" s="37"/>
      <c r="AH86" s="37"/>
      <c r="AI86" s="37"/>
      <c r="AJ86" s="37"/>
      <c r="AK86" s="37"/>
      <c r="AL86" s="37"/>
      <c r="AM86" s="37"/>
      <c r="AN86" s="37"/>
      <c r="AO86" s="37"/>
      <c r="AP86" s="37"/>
      <c r="AQ86" s="37"/>
      <c r="AR86" s="37"/>
      <c r="AS86" s="37"/>
      <c r="AT86" s="37"/>
      <c r="AU86" s="37"/>
      <c r="AV86" s="37"/>
      <c r="AW86" s="37"/>
      <c r="AX86" s="37"/>
      <c r="AY86" s="37"/>
      <c r="AZ86" s="37"/>
      <c r="BA86" s="37"/>
      <c r="BB86" s="37"/>
      <c r="BC86" s="37"/>
      <c r="BD86" s="37"/>
      <c r="BE86" s="37"/>
      <c r="BF86" s="37"/>
      <c r="BG86" s="37"/>
      <c r="BH86" s="37"/>
      <c r="BI86" s="37"/>
      <c r="BJ86" s="37"/>
      <c r="BK86" s="37"/>
      <c r="BL86" s="37"/>
      <c r="BM86" s="37"/>
      <c r="BN86" s="37"/>
      <c r="BO86" s="37"/>
      <c r="BP86" s="37"/>
      <c r="BQ86" s="37"/>
      <c r="BR86" s="37"/>
      <c r="BS86" s="37"/>
      <c r="BT86" s="9"/>
    </row>
    <row r="87" spans="1:72" s="20" customFormat="1" ht="34.5" customHeight="1" x14ac:dyDescent="0.15">
      <c r="A87" s="144"/>
      <c r="B87" s="1"/>
      <c r="C87" s="38"/>
      <c r="D87" s="38"/>
      <c r="E87" s="38"/>
      <c r="F87" s="38"/>
      <c r="G87" s="38"/>
      <c r="H87" s="38"/>
      <c r="I87" s="38"/>
      <c r="J87" s="38"/>
      <c r="K87" s="38"/>
      <c r="L87" s="38"/>
      <c r="M87" s="36"/>
      <c r="N87" s="36"/>
      <c r="O87" s="36"/>
    </row>
    <row r="88" spans="1:72" s="20" customFormat="1" x14ac:dyDescent="0.15">
      <c r="A88" s="144"/>
      <c r="B88" s="1"/>
      <c r="C88" s="37"/>
      <c r="D88" s="37"/>
      <c r="E88" s="37"/>
      <c r="F88" s="37"/>
      <c r="G88" s="37"/>
      <c r="H88" s="37"/>
      <c r="I88" s="37"/>
      <c r="J88" s="37"/>
      <c r="K88" s="49"/>
      <c r="L88" s="37"/>
      <c r="M88" s="37"/>
      <c r="N88" s="37"/>
      <c r="O88" s="37"/>
    </row>
    <row r="89" spans="1:72" s="20" customFormat="1" ht="19.5" x14ac:dyDescent="0.15">
      <c r="A89" s="144"/>
      <c r="B89" s="54" t="s">
        <v>27</v>
      </c>
      <c r="C89" s="55"/>
      <c r="D89" s="56"/>
      <c r="E89" s="56"/>
      <c r="F89" s="56"/>
      <c r="G89" s="56"/>
      <c r="H89" s="57"/>
      <c r="I89" s="57"/>
      <c r="J89" s="58"/>
      <c r="K89" s="58"/>
      <c r="L89" s="58"/>
      <c r="M89" s="58"/>
      <c r="N89" s="59"/>
      <c r="O89" s="59"/>
    </row>
    <row r="90" spans="1:72" s="20" customFormat="1" x14ac:dyDescent="0.15">
      <c r="A90" s="144"/>
      <c r="B90" s="1"/>
      <c r="C90" s="60"/>
      <c r="D90" s="3"/>
      <c r="E90" s="3"/>
      <c r="F90" s="3"/>
      <c r="G90" s="3"/>
      <c r="H90" s="198"/>
      <c r="I90" s="198"/>
      <c r="J90" s="61"/>
      <c r="K90" s="62"/>
      <c r="L90" s="61"/>
      <c r="M90" s="61"/>
      <c r="N90" s="63"/>
      <c r="O90" s="63"/>
    </row>
    <row r="91" spans="1:72" s="20" customFormat="1" x14ac:dyDescent="0.15">
      <c r="A91" s="144"/>
      <c r="B91" s="12" t="s">
        <v>206</v>
      </c>
      <c r="C91" s="60"/>
      <c r="D91" s="3"/>
      <c r="E91" s="3"/>
      <c r="F91" s="3"/>
      <c r="G91" s="3"/>
      <c r="H91" s="198"/>
      <c r="I91" s="198"/>
      <c r="J91" s="61"/>
      <c r="K91" s="62"/>
      <c r="L91" s="61"/>
      <c r="M91" s="61"/>
      <c r="N91" s="63"/>
      <c r="O91" s="63"/>
    </row>
    <row r="92" spans="1:72" s="20" customFormat="1" x14ac:dyDescent="0.15">
      <c r="A92" s="144"/>
      <c r="B92" s="17"/>
      <c r="C92" s="60"/>
      <c r="D92" s="3"/>
      <c r="E92" s="3"/>
      <c r="F92" s="3"/>
      <c r="G92" s="3"/>
      <c r="H92" s="198"/>
      <c r="I92" s="198"/>
      <c r="J92" s="61"/>
      <c r="K92" s="62"/>
      <c r="L92" s="61"/>
      <c r="M92" s="61"/>
      <c r="N92" s="63"/>
      <c r="O92" s="63"/>
    </row>
    <row r="93" spans="1:72" x14ac:dyDescent="0.15">
      <c r="A93" s="144"/>
      <c r="B93" s="17"/>
      <c r="C93" s="3"/>
      <c r="D93" s="3"/>
      <c r="F93" s="3"/>
      <c r="G93" s="3"/>
      <c r="H93" s="198"/>
      <c r="J93" s="64" t="s">
        <v>28</v>
      </c>
      <c r="K93" s="65"/>
      <c r="L93" s="66"/>
      <c r="M93" s="66"/>
      <c r="N93" s="66"/>
      <c r="O93" s="66"/>
      <c r="P93" s="20"/>
      <c r="Q93" s="20"/>
      <c r="R93" s="20"/>
    </row>
    <row r="94" spans="1:72" x14ac:dyDescent="0.15">
      <c r="A94" s="144"/>
      <c r="B94" s="1"/>
      <c r="C94" s="3"/>
      <c r="D94" s="3"/>
      <c r="F94" s="3"/>
      <c r="G94" s="3"/>
      <c r="H94" s="198"/>
      <c r="I94" s="67" t="s">
        <v>29</v>
      </c>
      <c r="J94" s="68"/>
      <c r="K94" s="69"/>
      <c r="L94" s="70"/>
      <c r="M94" s="66"/>
      <c r="N94" s="66"/>
      <c r="O94" s="66"/>
      <c r="P94" s="20"/>
      <c r="Q94" s="20"/>
      <c r="R94" s="20"/>
    </row>
    <row r="95" spans="1:72" s="72" customFormat="1" ht="54" customHeight="1" x14ac:dyDescent="0.15">
      <c r="A95" s="153" t="s">
        <v>213</v>
      </c>
      <c r="B95" s="1"/>
      <c r="C95" s="226" t="s">
        <v>30</v>
      </c>
      <c r="D95" s="226"/>
      <c r="E95" s="226"/>
      <c r="F95" s="226"/>
      <c r="G95" s="226"/>
      <c r="H95" s="247"/>
      <c r="I95" s="197" t="s">
        <v>31</v>
      </c>
      <c r="J95" s="159" t="s">
        <v>335</v>
      </c>
      <c r="K95" s="71"/>
      <c r="L95" s="66"/>
      <c r="M95" s="66"/>
      <c r="N95" s="66"/>
      <c r="O95" s="66"/>
      <c r="P95" s="20"/>
      <c r="Q95" s="20"/>
      <c r="R95" s="20"/>
    </row>
    <row r="96" spans="1:72" s="75" customFormat="1" x14ac:dyDescent="0.15">
      <c r="A96" s="144"/>
      <c r="B96" s="17"/>
      <c r="C96" s="17"/>
      <c r="D96" s="17"/>
      <c r="E96" s="17"/>
      <c r="F96" s="17"/>
      <c r="G96" s="17"/>
      <c r="H96" s="13"/>
      <c r="I96" s="13"/>
      <c r="J96" s="73"/>
      <c r="K96" s="74"/>
      <c r="L96" s="66"/>
      <c r="M96" s="66"/>
      <c r="N96" s="66"/>
      <c r="O96" s="66"/>
      <c r="P96" s="20"/>
      <c r="Q96" s="20"/>
      <c r="R96" s="20"/>
    </row>
    <row r="97" spans="1:72" s="20" customFormat="1" ht="19.5" x14ac:dyDescent="0.15">
      <c r="A97" s="144"/>
      <c r="B97" s="76"/>
      <c r="C97" s="60"/>
      <c r="D97" s="3"/>
      <c r="E97" s="3"/>
      <c r="F97" s="3"/>
      <c r="G97" s="3"/>
      <c r="H97" s="198"/>
      <c r="I97" s="198"/>
      <c r="J97" s="61"/>
      <c r="K97" s="61"/>
      <c r="L97" s="61"/>
      <c r="M97" s="61"/>
      <c r="N97" s="77"/>
      <c r="O97" s="77"/>
      <c r="P97" s="77"/>
      <c r="Q97" s="77"/>
      <c r="R97" s="77"/>
      <c r="S97" s="77"/>
      <c r="T97" s="77"/>
      <c r="U97" s="77"/>
      <c r="V97" s="77"/>
      <c r="W97" s="77"/>
      <c r="X97" s="77"/>
      <c r="Y97" s="77"/>
      <c r="Z97" s="77"/>
      <c r="AA97" s="77"/>
      <c r="AB97" s="77"/>
      <c r="AC97" s="77"/>
      <c r="AD97" s="77"/>
      <c r="AE97" s="77"/>
      <c r="AF97" s="77"/>
      <c r="AG97" s="77"/>
      <c r="AH97" s="77"/>
      <c r="AI97" s="77"/>
      <c r="AJ97" s="77"/>
      <c r="AK97" s="77"/>
      <c r="AL97" s="77"/>
      <c r="AM97" s="77"/>
      <c r="AN97" s="77"/>
      <c r="AO97" s="77"/>
      <c r="AP97" s="77"/>
      <c r="AQ97" s="77"/>
      <c r="AR97" s="77"/>
      <c r="AS97" s="77"/>
      <c r="AT97" s="77"/>
      <c r="AU97" s="77"/>
      <c r="AV97" s="77"/>
      <c r="AW97" s="77"/>
      <c r="AX97" s="77"/>
      <c r="AY97" s="77"/>
      <c r="AZ97" s="77"/>
      <c r="BA97" s="77"/>
      <c r="BB97" s="77"/>
      <c r="BC97" s="77"/>
      <c r="BD97" s="77"/>
      <c r="BE97" s="77"/>
      <c r="BF97" s="77"/>
      <c r="BG97" s="77"/>
      <c r="BH97" s="77"/>
      <c r="BI97" s="77"/>
      <c r="BJ97" s="77"/>
      <c r="BK97" s="77"/>
      <c r="BL97" s="77"/>
      <c r="BM97" s="77"/>
      <c r="BN97" s="77"/>
      <c r="BO97" s="77"/>
      <c r="BP97" s="77"/>
      <c r="BQ97" s="77"/>
      <c r="BR97" s="77"/>
      <c r="BS97" s="77"/>
      <c r="BT97" s="9"/>
    </row>
    <row r="98" spans="1:72" s="20" customFormat="1" x14ac:dyDescent="0.15">
      <c r="A98" s="144"/>
      <c r="B98" s="1"/>
      <c r="C98" s="60"/>
      <c r="D98" s="3"/>
      <c r="E98" s="3"/>
      <c r="F98" s="3"/>
      <c r="G98" s="3"/>
      <c r="H98" s="198"/>
      <c r="I98" s="198"/>
      <c r="J98" s="61"/>
      <c r="K98" s="62"/>
      <c r="L98" s="61"/>
      <c r="M98" s="61"/>
      <c r="N98" s="63"/>
      <c r="O98" s="63"/>
    </row>
    <row r="99" spans="1:72" x14ac:dyDescent="0.15">
      <c r="A99" s="144"/>
      <c r="B99" s="17" t="s">
        <v>32</v>
      </c>
      <c r="C99" s="17"/>
      <c r="D99" s="17"/>
      <c r="E99" s="17"/>
      <c r="F99" s="17"/>
      <c r="G99" s="17"/>
      <c r="H99" s="13"/>
      <c r="I99" s="13"/>
      <c r="L99" s="66"/>
      <c r="M99" s="66"/>
      <c r="N99" s="66"/>
      <c r="O99" s="66"/>
      <c r="P99" s="20"/>
      <c r="Q99" s="20"/>
      <c r="R99" s="20"/>
    </row>
    <row r="100" spans="1:72" x14ac:dyDescent="0.15">
      <c r="A100" s="144"/>
      <c r="B100" s="17"/>
      <c r="C100" s="17"/>
      <c r="D100" s="17"/>
      <c r="E100" s="17"/>
      <c r="F100" s="17"/>
      <c r="G100" s="17"/>
      <c r="H100" s="13"/>
      <c r="I100" s="13"/>
      <c r="L100" s="66"/>
      <c r="M100" s="66"/>
      <c r="N100" s="66"/>
      <c r="O100" s="66"/>
      <c r="P100" s="20"/>
      <c r="Q100" s="20"/>
      <c r="R100" s="20"/>
    </row>
    <row r="101" spans="1:72" x14ac:dyDescent="0.15">
      <c r="A101" s="144"/>
      <c r="B101" s="17"/>
      <c r="C101" s="3"/>
      <c r="D101" s="3"/>
      <c r="F101" s="3"/>
      <c r="G101" s="3"/>
      <c r="H101" s="198"/>
      <c r="J101" s="64" t="s">
        <v>28</v>
      </c>
      <c r="K101" s="65"/>
      <c r="L101" s="66"/>
      <c r="M101" s="66"/>
      <c r="N101" s="66"/>
      <c r="O101" s="66"/>
      <c r="P101" s="20"/>
      <c r="Q101" s="20"/>
      <c r="R101" s="20"/>
    </row>
    <row r="102" spans="1:72" x14ac:dyDescent="0.15">
      <c r="A102" s="144"/>
      <c r="B102" s="1"/>
      <c r="C102" s="60"/>
      <c r="D102" s="3"/>
      <c r="F102" s="3"/>
      <c r="G102" s="3"/>
      <c r="H102" s="198"/>
      <c r="I102" s="67" t="s">
        <v>29</v>
      </c>
      <c r="J102" s="68"/>
      <c r="K102" s="69"/>
      <c r="L102" s="70"/>
      <c r="M102" s="66"/>
      <c r="N102" s="66"/>
      <c r="O102" s="66"/>
      <c r="P102" s="20"/>
      <c r="Q102" s="20"/>
      <c r="R102" s="20"/>
    </row>
    <row r="103" spans="1:72" s="72" customFormat="1" ht="34.5" customHeight="1" x14ac:dyDescent="0.15">
      <c r="A103" s="153" t="s">
        <v>214</v>
      </c>
      <c r="B103" s="1"/>
      <c r="C103" s="217" t="s">
        <v>33</v>
      </c>
      <c r="D103" s="240"/>
      <c r="E103" s="260" t="s">
        <v>34</v>
      </c>
      <c r="F103" s="260"/>
      <c r="G103" s="226"/>
      <c r="H103" s="226"/>
      <c r="I103" s="214" t="s">
        <v>215</v>
      </c>
      <c r="J103" s="160">
        <v>8</v>
      </c>
      <c r="K103" s="200" t="str">
        <f>IF(OR(COUNTIF(J103,"未確認")&gt;0,COUNTIF(J103,"~*")&gt;0),"※","")</f>
        <v/>
      </c>
      <c r="L103" s="70"/>
      <c r="M103" s="66"/>
      <c r="N103" s="66"/>
      <c r="O103" s="66"/>
      <c r="P103" s="20"/>
      <c r="Q103" s="20"/>
      <c r="R103" s="20"/>
    </row>
    <row r="104" spans="1:72" s="72" customFormat="1" ht="34.5" customHeight="1" x14ac:dyDescent="0.15">
      <c r="A104" s="153" t="s">
        <v>216</v>
      </c>
      <c r="B104" s="78"/>
      <c r="C104" s="270"/>
      <c r="D104" s="272"/>
      <c r="E104" s="221"/>
      <c r="F104" s="222"/>
      <c r="G104" s="230" t="s">
        <v>35</v>
      </c>
      <c r="H104" s="220"/>
      <c r="I104" s="283"/>
      <c r="J104" s="160">
        <v>0</v>
      </c>
      <c r="K104" s="200" t="str">
        <f t="shared" ref="K104:K115" si="0">IF(OR(COUNTIF(J104,"未確認")&gt;0,COUNTIF(J104,"~*")&gt;0),"※","")</f>
        <v/>
      </c>
      <c r="L104" s="70"/>
      <c r="M104" s="66"/>
      <c r="N104" s="66"/>
      <c r="O104" s="66"/>
      <c r="P104" s="20"/>
      <c r="Q104" s="20"/>
      <c r="R104" s="20"/>
    </row>
    <row r="105" spans="1:72" s="72" customFormat="1" ht="34.5" customHeight="1" x14ac:dyDescent="0.15">
      <c r="A105" s="153" t="s">
        <v>214</v>
      </c>
      <c r="B105" s="78"/>
      <c r="C105" s="270"/>
      <c r="D105" s="272"/>
      <c r="E105" s="226" t="s">
        <v>36</v>
      </c>
      <c r="F105" s="227"/>
      <c r="G105" s="227"/>
      <c r="H105" s="227"/>
      <c r="I105" s="283"/>
      <c r="J105" s="160">
        <v>8</v>
      </c>
      <c r="K105" s="200" t="str">
        <f t="shared" si="0"/>
        <v/>
      </c>
      <c r="L105" s="70"/>
      <c r="M105" s="66"/>
      <c r="N105" s="66"/>
      <c r="O105" s="66"/>
      <c r="P105" s="20"/>
      <c r="Q105" s="20"/>
      <c r="R105" s="20"/>
    </row>
    <row r="106" spans="1:72" s="72" customFormat="1" ht="34.5" customHeight="1" x14ac:dyDescent="0.15">
      <c r="A106" s="153" t="s">
        <v>214</v>
      </c>
      <c r="B106" s="78"/>
      <c r="C106" s="273"/>
      <c r="D106" s="275"/>
      <c r="E106" s="226" t="s">
        <v>182</v>
      </c>
      <c r="F106" s="250"/>
      <c r="G106" s="250"/>
      <c r="H106" s="250"/>
      <c r="I106" s="283"/>
      <c r="J106" s="160">
        <v>8</v>
      </c>
      <c r="K106" s="200" t="str">
        <f t="shared" si="0"/>
        <v/>
      </c>
      <c r="L106" s="70"/>
      <c r="M106" s="66"/>
      <c r="N106" s="66"/>
      <c r="O106" s="66"/>
      <c r="P106" s="20"/>
      <c r="Q106" s="20"/>
      <c r="R106" s="20"/>
    </row>
    <row r="107" spans="1:72" s="72" customFormat="1" ht="34.5" customHeight="1" x14ac:dyDescent="0.15">
      <c r="A107" s="153" t="s">
        <v>217</v>
      </c>
      <c r="B107" s="78"/>
      <c r="C107" s="217" t="s">
        <v>37</v>
      </c>
      <c r="D107" s="240"/>
      <c r="E107" s="260" t="s">
        <v>34</v>
      </c>
      <c r="F107" s="261"/>
      <c r="G107" s="261"/>
      <c r="H107" s="261"/>
      <c r="I107" s="283"/>
      <c r="J107" s="160">
        <v>0</v>
      </c>
      <c r="K107" s="200" t="str">
        <f t="shared" si="0"/>
        <v/>
      </c>
      <c r="L107" s="70"/>
      <c r="M107" s="66"/>
      <c r="N107" s="66"/>
      <c r="O107" s="66"/>
      <c r="P107" s="20"/>
      <c r="Q107" s="20"/>
      <c r="R107" s="20"/>
    </row>
    <row r="108" spans="1:72" s="72" customFormat="1" ht="34.5" customHeight="1" x14ac:dyDescent="0.15">
      <c r="A108" s="153" t="s">
        <v>218</v>
      </c>
      <c r="B108" s="78"/>
      <c r="C108" s="270"/>
      <c r="D108" s="272"/>
      <c r="E108" s="291"/>
      <c r="F108" s="292"/>
      <c r="G108" s="230" t="s">
        <v>38</v>
      </c>
      <c r="H108" s="220"/>
      <c r="I108" s="283"/>
      <c r="J108" s="160">
        <v>0</v>
      </c>
      <c r="K108" s="200" t="str">
        <f t="shared" si="0"/>
        <v/>
      </c>
      <c r="L108" s="70"/>
      <c r="M108" s="66"/>
      <c r="N108" s="66"/>
      <c r="O108" s="66"/>
      <c r="P108" s="20"/>
      <c r="Q108" s="20"/>
      <c r="R108" s="20"/>
    </row>
    <row r="109" spans="1:72" s="72" customFormat="1" ht="34.5" customHeight="1" x14ac:dyDescent="0.15">
      <c r="A109" s="153" t="s">
        <v>219</v>
      </c>
      <c r="B109" s="78"/>
      <c r="C109" s="270"/>
      <c r="D109" s="272"/>
      <c r="E109" s="296"/>
      <c r="F109" s="297"/>
      <c r="G109" s="230" t="s">
        <v>39</v>
      </c>
      <c r="H109" s="220"/>
      <c r="I109" s="283"/>
      <c r="J109" s="160">
        <v>0</v>
      </c>
      <c r="K109" s="200" t="str">
        <f t="shared" si="0"/>
        <v/>
      </c>
      <c r="L109" s="70"/>
      <c r="M109" s="66"/>
      <c r="N109" s="66"/>
      <c r="O109" s="66"/>
      <c r="P109" s="20"/>
      <c r="Q109" s="20"/>
      <c r="R109" s="20"/>
    </row>
    <row r="110" spans="1:72" s="72" customFormat="1" ht="34.5" customHeight="1" x14ac:dyDescent="0.15">
      <c r="A110" s="153" t="s">
        <v>217</v>
      </c>
      <c r="B110" s="78"/>
      <c r="C110" s="270"/>
      <c r="D110" s="272"/>
      <c r="E110" s="260" t="s">
        <v>36</v>
      </c>
      <c r="F110" s="261"/>
      <c r="G110" s="261"/>
      <c r="H110" s="261"/>
      <c r="I110" s="283"/>
      <c r="J110" s="160">
        <v>0</v>
      </c>
      <c r="K110" s="200" t="str">
        <f t="shared" si="0"/>
        <v/>
      </c>
      <c r="L110" s="70"/>
      <c r="M110" s="66"/>
      <c r="N110" s="66"/>
      <c r="O110" s="66"/>
      <c r="P110" s="20"/>
      <c r="Q110" s="20"/>
      <c r="R110" s="20"/>
    </row>
    <row r="111" spans="1:72" s="72" customFormat="1" ht="34.5" customHeight="1" x14ac:dyDescent="0.15">
      <c r="A111" s="153" t="s">
        <v>218</v>
      </c>
      <c r="B111" s="78"/>
      <c r="C111" s="270"/>
      <c r="D111" s="272"/>
      <c r="E111" s="291"/>
      <c r="F111" s="292"/>
      <c r="G111" s="230" t="s">
        <v>38</v>
      </c>
      <c r="H111" s="220"/>
      <c r="I111" s="283"/>
      <c r="J111" s="160">
        <v>0</v>
      </c>
      <c r="K111" s="200" t="str">
        <f t="shared" si="0"/>
        <v/>
      </c>
      <c r="L111" s="70"/>
      <c r="M111" s="66"/>
      <c r="N111" s="66"/>
      <c r="O111" s="66"/>
      <c r="P111" s="20"/>
      <c r="Q111" s="20"/>
      <c r="R111" s="20"/>
    </row>
    <row r="112" spans="1:72" s="72" customFormat="1" ht="34.5" customHeight="1" x14ac:dyDescent="0.15">
      <c r="A112" s="153" t="s">
        <v>219</v>
      </c>
      <c r="B112" s="78"/>
      <c r="C112" s="270"/>
      <c r="D112" s="272"/>
      <c r="E112" s="291"/>
      <c r="F112" s="292"/>
      <c r="G112" s="217" t="s">
        <v>40</v>
      </c>
      <c r="H112" s="240"/>
      <c r="I112" s="283"/>
      <c r="J112" s="160">
        <v>0</v>
      </c>
      <c r="K112" s="200" t="str">
        <f t="shared" si="0"/>
        <v/>
      </c>
      <c r="L112" s="70"/>
      <c r="M112" s="66"/>
      <c r="N112" s="66"/>
      <c r="O112" s="66"/>
      <c r="P112" s="20"/>
      <c r="Q112" s="20"/>
      <c r="R112" s="20"/>
    </row>
    <row r="113" spans="1:18" s="72" customFormat="1" ht="34.5" customHeight="1" x14ac:dyDescent="0.15">
      <c r="A113" s="153" t="s">
        <v>217</v>
      </c>
      <c r="B113" s="78"/>
      <c r="C113" s="270"/>
      <c r="D113" s="272"/>
      <c r="E113" s="260" t="s">
        <v>182</v>
      </c>
      <c r="F113" s="294"/>
      <c r="G113" s="294"/>
      <c r="H113" s="294"/>
      <c r="I113" s="283"/>
      <c r="J113" s="160">
        <v>0</v>
      </c>
      <c r="K113" s="200" t="str">
        <f t="shared" si="0"/>
        <v/>
      </c>
      <c r="L113" s="70"/>
      <c r="M113" s="66"/>
      <c r="N113" s="66"/>
      <c r="O113" s="66"/>
      <c r="P113" s="20"/>
      <c r="Q113" s="20"/>
      <c r="R113" s="20"/>
    </row>
    <row r="114" spans="1:18" s="72" customFormat="1" ht="34.5" customHeight="1" x14ac:dyDescent="0.15">
      <c r="A114" s="153" t="s">
        <v>218</v>
      </c>
      <c r="B114" s="78"/>
      <c r="C114" s="270"/>
      <c r="D114" s="272"/>
      <c r="E114" s="291"/>
      <c r="F114" s="292"/>
      <c r="G114" s="230" t="s">
        <v>38</v>
      </c>
      <c r="H114" s="220"/>
      <c r="I114" s="283"/>
      <c r="J114" s="160">
        <v>0</v>
      </c>
      <c r="K114" s="200" t="str">
        <f t="shared" si="0"/>
        <v/>
      </c>
      <c r="L114" s="70"/>
      <c r="M114" s="66"/>
      <c r="N114" s="66"/>
      <c r="O114" s="66"/>
      <c r="P114" s="20"/>
      <c r="Q114" s="20"/>
      <c r="R114" s="20"/>
    </row>
    <row r="115" spans="1:18" s="72" customFormat="1" ht="34.5" customHeight="1" x14ac:dyDescent="0.15">
      <c r="A115" s="153" t="s">
        <v>219</v>
      </c>
      <c r="B115" s="78"/>
      <c r="C115" s="273"/>
      <c r="D115" s="275"/>
      <c r="E115" s="291"/>
      <c r="F115" s="292"/>
      <c r="G115" s="217" t="s">
        <v>40</v>
      </c>
      <c r="H115" s="240"/>
      <c r="I115" s="283"/>
      <c r="J115" s="160">
        <v>0</v>
      </c>
      <c r="K115" s="200" t="str">
        <f t="shared" si="0"/>
        <v/>
      </c>
      <c r="L115" s="70"/>
      <c r="M115" s="66"/>
      <c r="N115" s="66"/>
      <c r="O115" s="66"/>
      <c r="P115" s="20"/>
      <c r="Q115" s="20"/>
      <c r="R115" s="20"/>
    </row>
    <row r="116" spans="1:18" s="72" customFormat="1" ht="315" customHeight="1" x14ac:dyDescent="0.15">
      <c r="A116" s="153" t="s">
        <v>220</v>
      </c>
      <c r="B116" s="78"/>
      <c r="C116" s="230" t="s">
        <v>41</v>
      </c>
      <c r="D116" s="219"/>
      <c r="E116" s="219"/>
      <c r="F116" s="219"/>
      <c r="G116" s="219"/>
      <c r="H116" s="220"/>
      <c r="I116" s="284"/>
      <c r="J116" s="161" t="s">
        <v>173</v>
      </c>
      <c r="K116" s="79"/>
      <c r="L116" s="70"/>
      <c r="M116" s="66"/>
      <c r="N116" s="66"/>
      <c r="O116" s="66"/>
      <c r="P116" s="20"/>
      <c r="Q116" s="20"/>
      <c r="R116" s="20"/>
    </row>
    <row r="117" spans="1:18" s="75" customFormat="1" x14ac:dyDescent="0.15">
      <c r="A117" s="144"/>
      <c r="B117" s="17"/>
      <c r="C117" s="17"/>
      <c r="D117" s="17"/>
      <c r="E117" s="17"/>
      <c r="F117" s="17"/>
      <c r="G117" s="17"/>
      <c r="H117" s="13"/>
      <c r="I117" s="13"/>
      <c r="J117" s="73"/>
      <c r="K117" s="74"/>
      <c r="L117" s="66"/>
      <c r="M117" s="66"/>
      <c r="N117" s="66"/>
      <c r="O117" s="66"/>
      <c r="P117" s="20"/>
      <c r="Q117" s="20"/>
      <c r="R117" s="20"/>
    </row>
    <row r="118" spans="1:18" s="72" customFormat="1" x14ac:dyDescent="0.15">
      <c r="A118" s="144"/>
      <c r="B118" s="78"/>
      <c r="C118" s="60"/>
      <c r="D118" s="60"/>
      <c r="E118" s="60"/>
      <c r="F118" s="60"/>
      <c r="G118" s="60"/>
      <c r="H118" s="80"/>
      <c r="I118" s="80"/>
      <c r="J118" s="73"/>
      <c r="K118" s="74"/>
      <c r="L118" s="66"/>
      <c r="M118" s="66"/>
      <c r="N118" s="66"/>
      <c r="O118" s="66"/>
      <c r="P118" s="20"/>
      <c r="Q118" s="20"/>
      <c r="R118" s="20"/>
    </row>
    <row r="119" spans="1:18" s="20" customFormat="1" x14ac:dyDescent="0.15">
      <c r="A119" s="144"/>
      <c r="B119" s="1"/>
      <c r="C119" s="60"/>
      <c r="D119" s="3"/>
      <c r="E119" s="3"/>
      <c r="F119" s="3"/>
      <c r="G119" s="3"/>
      <c r="H119" s="198"/>
      <c r="I119" s="198"/>
      <c r="J119" s="61"/>
      <c r="K119" s="62"/>
      <c r="L119" s="61"/>
      <c r="M119" s="61"/>
      <c r="N119" s="63"/>
      <c r="O119" s="63"/>
    </row>
    <row r="120" spans="1:18" s="75" customFormat="1" x14ac:dyDescent="0.15">
      <c r="A120" s="144"/>
      <c r="B120" s="17" t="s">
        <v>42</v>
      </c>
      <c r="C120" s="17"/>
      <c r="D120" s="17"/>
      <c r="E120" s="17"/>
      <c r="F120" s="17"/>
      <c r="G120" s="17"/>
      <c r="H120" s="13"/>
      <c r="I120" s="13"/>
      <c r="J120" s="73"/>
      <c r="K120" s="74"/>
      <c r="L120" s="81"/>
      <c r="M120" s="81"/>
      <c r="N120" s="81"/>
      <c r="O120" s="81"/>
      <c r="P120" s="20"/>
      <c r="Q120" s="20"/>
      <c r="R120" s="20"/>
    </row>
    <row r="121" spans="1:18" x14ac:dyDescent="0.15">
      <c r="A121" s="144"/>
      <c r="B121" s="17"/>
      <c r="C121" s="17"/>
      <c r="D121" s="17"/>
      <c r="E121" s="17"/>
      <c r="F121" s="17"/>
      <c r="G121" s="17"/>
      <c r="H121" s="13"/>
      <c r="I121" s="13"/>
      <c r="L121" s="82"/>
      <c r="M121" s="82"/>
      <c r="N121" s="82"/>
      <c r="O121" s="82"/>
      <c r="P121" s="20"/>
      <c r="Q121" s="20"/>
      <c r="R121" s="20"/>
    </row>
    <row r="122" spans="1:18" x14ac:dyDescent="0.15">
      <c r="A122" s="144"/>
      <c r="B122" s="17"/>
      <c r="C122" s="3"/>
      <c r="D122" s="3"/>
      <c r="F122" s="3"/>
      <c r="G122" s="3"/>
      <c r="H122" s="198"/>
      <c r="I122" s="198"/>
      <c r="J122" s="83" t="s">
        <v>28</v>
      </c>
      <c r="K122" s="65"/>
      <c r="L122" s="81"/>
      <c r="M122" s="81"/>
      <c r="N122" s="81"/>
      <c r="O122" s="81"/>
      <c r="P122" s="20"/>
      <c r="Q122" s="20"/>
      <c r="R122" s="20"/>
    </row>
    <row r="123" spans="1:18" x14ac:dyDescent="0.15">
      <c r="A123" s="144"/>
      <c r="B123" s="1"/>
      <c r="C123" s="3"/>
      <c r="D123" s="3"/>
      <c r="F123" s="3"/>
      <c r="G123" s="3"/>
      <c r="H123" s="198"/>
      <c r="I123" s="67" t="s">
        <v>29</v>
      </c>
      <c r="J123" s="84"/>
      <c r="K123" s="69"/>
      <c r="L123" s="66"/>
      <c r="M123" s="66"/>
      <c r="N123" s="66"/>
      <c r="O123" s="66"/>
      <c r="P123" s="20"/>
      <c r="Q123" s="20"/>
      <c r="R123" s="20"/>
    </row>
    <row r="124" spans="1:18" s="72" customFormat="1" ht="40.5" customHeight="1" x14ac:dyDescent="0.15">
      <c r="A124" s="153" t="s">
        <v>221</v>
      </c>
      <c r="B124" s="1"/>
      <c r="C124" s="260" t="s">
        <v>43</v>
      </c>
      <c r="D124" s="260"/>
      <c r="E124" s="260"/>
      <c r="F124" s="260"/>
      <c r="G124" s="260"/>
      <c r="H124" s="260"/>
      <c r="I124" s="236" t="s">
        <v>222</v>
      </c>
      <c r="J124" s="162" t="s">
        <v>336</v>
      </c>
      <c r="K124" s="71"/>
      <c r="L124" s="70"/>
      <c r="M124" s="81"/>
      <c r="N124" s="81"/>
      <c r="O124" s="81"/>
      <c r="P124" s="20"/>
      <c r="Q124" s="20"/>
      <c r="R124" s="20"/>
    </row>
    <row r="125" spans="1:18" s="72" customFormat="1" ht="40.5" customHeight="1" x14ac:dyDescent="0.15">
      <c r="A125" s="153" t="s">
        <v>223</v>
      </c>
      <c r="B125" s="1"/>
      <c r="C125" s="192"/>
      <c r="D125" s="196"/>
      <c r="E125" s="226" t="s">
        <v>224</v>
      </c>
      <c r="F125" s="226"/>
      <c r="G125" s="226"/>
      <c r="H125" s="226"/>
      <c r="I125" s="276"/>
      <c r="J125" s="162" t="s">
        <v>173</v>
      </c>
      <c r="K125" s="71"/>
      <c r="L125" s="70"/>
      <c r="M125" s="66"/>
      <c r="N125" s="66"/>
      <c r="O125" s="66"/>
      <c r="P125" s="20"/>
      <c r="Q125" s="20"/>
      <c r="R125" s="20"/>
    </row>
    <row r="126" spans="1:18" s="72" customFormat="1" ht="40.5" customHeight="1" x14ac:dyDescent="0.15">
      <c r="A126" s="153" t="s">
        <v>225</v>
      </c>
      <c r="B126" s="1"/>
      <c r="C126" s="192"/>
      <c r="D126" s="196"/>
      <c r="E126" s="226"/>
      <c r="F126" s="226"/>
      <c r="G126" s="226"/>
      <c r="H126" s="226"/>
      <c r="I126" s="276"/>
      <c r="J126" s="162" t="s">
        <v>173</v>
      </c>
      <c r="K126" s="71"/>
      <c r="L126" s="70"/>
      <c r="M126" s="81"/>
      <c r="N126" s="81"/>
      <c r="O126" s="81"/>
      <c r="P126" s="20"/>
      <c r="Q126" s="20"/>
      <c r="R126" s="20"/>
    </row>
    <row r="127" spans="1:18" s="72" customFormat="1" ht="40.5" customHeight="1" x14ac:dyDescent="0.15">
      <c r="A127" s="153" t="s">
        <v>226</v>
      </c>
      <c r="B127" s="1"/>
      <c r="C127" s="193"/>
      <c r="D127" s="195"/>
      <c r="E127" s="226"/>
      <c r="F127" s="226"/>
      <c r="G127" s="226"/>
      <c r="H127" s="226"/>
      <c r="I127" s="235"/>
      <c r="J127" s="162" t="s">
        <v>173</v>
      </c>
      <c r="K127" s="71"/>
      <c r="L127" s="70"/>
      <c r="M127" s="66"/>
      <c r="N127" s="66"/>
      <c r="O127" s="66"/>
      <c r="P127" s="20"/>
      <c r="Q127" s="20"/>
      <c r="R127" s="20"/>
    </row>
    <row r="128" spans="1:18" s="75" customFormat="1" x14ac:dyDescent="0.15">
      <c r="A128" s="144"/>
      <c r="B128" s="17"/>
      <c r="C128" s="17"/>
      <c r="D128" s="17"/>
      <c r="E128" s="17"/>
      <c r="F128" s="17"/>
      <c r="G128" s="17"/>
      <c r="H128" s="13"/>
      <c r="I128" s="13"/>
      <c r="J128" s="73"/>
      <c r="K128" s="74"/>
      <c r="L128" s="81"/>
      <c r="M128" s="81"/>
      <c r="N128" s="81"/>
      <c r="O128" s="81"/>
      <c r="P128" s="20"/>
      <c r="Q128" s="20"/>
      <c r="R128" s="20"/>
    </row>
    <row r="129" spans="1:18" s="72" customFormat="1" x14ac:dyDescent="0.15">
      <c r="A129" s="144"/>
      <c r="B129" s="78"/>
      <c r="C129" s="60"/>
      <c r="D129" s="60"/>
      <c r="E129" s="60"/>
      <c r="F129" s="60"/>
      <c r="G129" s="60"/>
      <c r="H129" s="80"/>
      <c r="I129" s="80"/>
      <c r="J129" s="73"/>
      <c r="K129" s="74"/>
      <c r="L129" s="74"/>
      <c r="M129" s="74"/>
      <c r="N129" s="74"/>
      <c r="O129" s="74"/>
      <c r="P129" s="20"/>
      <c r="Q129" s="20"/>
      <c r="R129" s="20"/>
    </row>
    <row r="130" spans="1:18" s="20" customFormat="1" x14ac:dyDescent="0.15">
      <c r="A130" s="144"/>
      <c r="B130" s="1"/>
      <c r="C130" s="60"/>
      <c r="D130" s="3"/>
      <c r="E130" s="3"/>
      <c r="F130" s="3"/>
      <c r="G130" s="3"/>
      <c r="H130" s="198"/>
      <c r="I130" s="198"/>
      <c r="J130" s="61"/>
      <c r="K130" s="62"/>
      <c r="L130" s="61"/>
      <c r="M130" s="61"/>
      <c r="N130" s="63"/>
      <c r="O130" s="63"/>
    </row>
    <row r="131" spans="1:18" s="75" customFormat="1" x14ac:dyDescent="0.15">
      <c r="A131" s="144"/>
      <c r="B131" s="17" t="s">
        <v>44</v>
      </c>
      <c r="C131" s="85"/>
      <c r="D131" s="85"/>
      <c r="E131" s="85"/>
      <c r="F131" s="85"/>
      <c r="G131" s="85"/>
      <c r="H131" s="13"/>
      <c r="I131" s="13"/>
      <c r="J131" s="77"/>
      <c r="K131" s="62"/>
      <c r="L131" s="82"/>
      <c r="M131" s="82"/>
      <c r="N131" s="82"/>
      <c r="O131" s="82"/>
      <c r="P131" s="20"/>
      <c r="Q131" s="20"/>
      <c r="R131" s="20"/>
    </row>
    <row r="132" spans="1:18" x14ac:dyDescent="0.15">
      <c r="A132" s="144"/>
      <c r="B132" s="17"/>
      <c r="C132" s="17"/>
      <c r="D132" s="17"/>
      <c r="E132" s="17"/>
      <c r="F132" s="17"/>
      <c r="G132" s="17"/>
      <c r="H132" s="13"/>
      <c r="I132" s="13"/>
      <c r="L132" s="82"/>
      <c r="M132" s="82"/>
      <c r="N132" s="82"/>
      <c r="O132" s="82"/>
      <c r="P132" s="20"/>
      <c r="Q132" s="20"/>
      <c r="R132" s="20"/>
    </row>
    <row r="133" spans="1:18" x14ac:dyDescent="0.15">
      <c r="A133" s="144"/>
      <c r="B133" s="17"/>
      <c r="C133" s="3"/>
      <c r="D133" s="3"/>
      <c r="F133" s="3"/>
      <c r="G133" s="3"/>
      <c r="H133" s="198"/>
      <c r="I133" s="198"/>
      <c r="J133" s="64" t="s">
        <v>28</v>
      </c>
      <c r="K133" s="65"/>
      <c r="L133" s="66"/>
      <c r="M133" s="66"/>
      <c r="N133" s="66"/>
      <c r="O133" s="66"/>
      <c r="P133" s="20"/>
      <c r="Q133" s="20"/>
      <c r="R133" s="20"/>
    </row>
    <row r="134" spans="1:18" x14ac:dyDescent="0.15">
      <c r="A134" s="144"/>
      <c r="B134" s="1"/>
      <c r="C134" s="60"/>
      <c r="D134" s="3"/>
      <c r="F134" s="3"/>
      <c r="G134" s="3"/>
      <c r="H134" s="198"/>
      <c r="I134" s="67" t="s">
        <v>29</v>
      </c>
      <c r="J134" s="68"/>
      <c r="K134" s="69"/>
      <c r="L134" s="66"/>
      <c r="M134" s="66"/>
      <c r="N134" s="66"/>
      <c r="O134" s="66"/>
      <c r="P134" s="20"/>
      <c r="Q134" s="20"/>
      <c r="R134" s="20"/>
    </row>
    <row r="135" spans="1:18" s="72" customFormat="1" ht="70.150000000000006" customHeight="1" x14ac:dyDescent="0.15">
      <c r="A135" s="153" t="s">
        <v>227</v>
      </c>
      <c r="B135" s="1"/>
      <c r="C135" s="226" t="s">
        <v>45</v>
      </c>
      <c r="D135" s="226"/>
      <c r="E135" s="226"/>
      <c r="F135" s="226"/>
      <c r="G135" s="226"/>
      <c r="H135" s="227"/>
      <c r="I135" s="236" t="s">
        <v>228</v>
      </c>
      <c r="J135" s="160">
        <v>8</v>
      </c>
      <c r="K135" s="71"/>
      <c r="L135" s="66"/>
      <c r="M135" s="66"/>
      <c r="N135" s="66"/>
      <c r="O135" s="66"/>
      <c r="P135" s="20"/>
      <c r="Q135" s="20"/>
      <c r="R135" s="20"/>
    </row>
    <row r="136" spans="1:18" s="72" customFormat="1" ht="70.150000000000006" customHeight="1" x14ac:dyDescent="0.15">
      <c r="A136" s="153" t="s">
        <v>229</v>
      </c>
      <c r="B136" s="78"/>
      <c r="C136" s="273" t="s">
        <v>46</v>
      </c>
      <c r="D136" s="274"/>
      <c r="E136" s="274"/>
      <c r="F136" s="274"/>
      <c r="G136" s="274"/>
      <c r="H136" s="275"/>
      <c r="I136" s="290"/>
      <c r="J136" s="160">
        <v>0</v>
      </c>
      <c r="K136" s="71"/>
      <c r="L136" s="66"/>
      <c r="M136" s="66"/>
      <c r="N136" s="66"/>
      <c r="O136" s="66"/>
      <c r="P136" s="20"/>
      <c r="Q136" s="20"/>
      <c r="R136" s="20"/>
    </row>
    <row r="137" spans="1:18" s="72" customFormat="1" ht="70.150000000000006" customHeight="1" x14ac:dyDescent="0.15">
      <c r="A137" s="153" t="s">
        <v>230</v>
      </c>
      <c r="B137" s="78"/>
      <c r="C137" s="273" t="s">
        <v>47</v>
      </c>
      <c r="D137" s="274"/>
      <c r="E137" s="274"/>
      <c r="F137" s="274"/>
      <c r="G137" s="274"/>
      <c r="H137" s="275"/>
      <c r="I137" s="280"/>
      <c r="J137" s="160">
        <v>0</v>
      </c>
      <c r="K137" s="71"/>
      <c r="L137" s="66"/>
      <c r="M137" s="66"/>
      <c r="N137" s="66"/>
      <c r="O137" s="66"/>
      <c r="P137" s="20"/>
      <c r="Q137" s="20"/>
      <c r="R137" s="20"/>
    </row>
    <row r="138" spans="1:18" s="75" customFormat="1" x14ac:dyDescent="0.15">
      <c r="A138" s="144"/>
      <c r="B138" s="17"/>
      <c r="C138" s="17"/>
      <c r="D138" s="17"/>
      <c r="E138" s="17"/>
      <c r="F138" s="17"/>
      <c r="G138" s="17"/>
      <c r="H138" s="13"/>
      <c r="I138" s="13"/>
      <c r="J138" s="73"/>
      <c r="K138" s="86"/>
      <c r="L138" s="81"/>
      <c r="M138" s="81"/>
      <c r="N138" s="81"/>
      <c r="O138" s="81"/>
      <c r="P138" s="20"/>
      <c r="Q138" s="20"/>
      <c r="R138" s="20"/>
    </row>
    <row r="139" spans="1:18" s="1" customFormat="1" ht="16.5" customHeight="1" x14ac:dyDescent="0.15">
      <c r="A139" s="144"/>
      <c r="B139" s="17"/>
      <c r="C139" s="17"/>
      <c r="D139" s="17"/>
      <c r="E139" s="17"/>
      <c r="F139" s="17"/>
      <c r="G139" s="17"/>
      <c r="H139" s="13"/>
      <c r="I139" s="13"/>
      <c r="J139" s="87"/>
      <c r="K139" s="86"/>
      <c r="L139" s="88"/>
      <c r="M139" s="88"/>
      <c r="N139" s="88"/>
      <c r="O139" s="88"/>
      <c r="P139" s="21"/>
      <c r="Q139" s="21"/>
      <c r="R139" s="21"/>
    </row>
    <row r="140" spans="1:18" s="20" customFormat="1" x14ac:dyDescent="0.15">
      <c r="A140" s="144"/>
      <c r="B140" s="1"/>
      <c r="C140" s="60"/>
      <c r="D140" s="3"/>
      <c r="E140" s="3"/>
      <c r="F140" s="3"/>
      <c r="G140" s="3"/>
      <c r="H140" s="198"/>
      <c r="I140" s="198"/>
      <c r="J140" s="61"/>
      <c r="K140" s="62"/>
      <c r="L140" s="61"/>
      <c r="M140" s="61"/>
      <c r="N140" s="63"/>
      <c r="O140" s="63"/>
    </row>
    <row r="141" spans="1:18" s="75" customFormat="1" x14ac:dyDescent="0.15">
      <c r="A141" s="144"/>
      <c r="B141" s="17" t="s">
        <v>48</v>
      </c>
      <c r="C141" s="85"/>
      <c r="D141" s="85"/>
      <c r="E141" s="85"/>
      <c r="F141" s="85"/>
      <c r="G141" s="13"/>
      <c r="H141" s="13"/>
      <c r="I141" s="13"/>
      <c r="J141" s="77"/>
      <c r="K141" s="82"/>
      <c r="L141" s="82"/>
      <c r="M141" s="82"/>
      <c r="N141" s="20"/>
      <c r="O141" s="20"/>
      <c r="P141" s="20"/>
    </row>
    <row r="142" spans="1:18" x14ac:dyDescent="0.15">
      <c r="A142" s="144"/>
      <c r="B142" s="17"/>
      <c r="C142" s="17"/>
      <c r="D142" s="17"/>
      <c r="E142" s="17"/>
      <c r="F142" s="17"/>
      <c r="G142" s="17"/>
      <c r="H142" s="13"/>
      <c r="I142" s="13"/>
      <c r="K142" s="82"/>
      <c r="L142" s="82"/>
      <c r="M142" s="82"/>
      <c r="N142" s="20"/>
      <c r="O142" s="20"/>
      <c r="P142" s="20"/>
    </row>
    <row r="143" spans="1:18" x14ac:dyDescent="0.15">
      <c r="A143" s="144"/>
      <c r="B143" s="17"/>
      <c r="C143" s="3"/>
      <c r="D143" s="3"/>
      <c r="F143" s="3"/>
      <c r="G143" s="3"/>
      <c r="H143" s="198"/>
      <c r="I143" s="198"/>
      <c r="J143" s="64" t="s">
        <v>28</v>
      </c>
      <c r="K143" s="65"/>
      <c r="L143" s="66"/>
      <c r="M143" s="66"/>
      <c r="N143" s="20"/>
      <c r="O143" s="20"/>
      <c r="P143" s="20"/>
    </row>
    <row r="144" spans="1:18" x14ac:dyDescent="0.15">
      <c r="A144" s="144"/>
      <c r="B144" s="1"/>
      <c r="C144" s="3"/>
      <c r="D144" s="3"/>
      <c r="F144" s="3"/>
      <c r="G144" s="3"/>
      <c r="H144" s="198"/>
      <c r="I144" s="67" t="s">
        <v>29</v>
      </c>
      <c r="J144" s="68"/>
      <c r="K144" s="69"/>
      <c r="L144" s="66"/>
      <c r="M144" s="66"/>
      <c r="N144" s="20"/>
      <c r="O144" s="20"/>
      <c r="P144" s="20"/>
    </row>
    <row r="145" spans="1:18" s="72" customFormat="1" ht="56.1" customHeight="1" x14ac:dyDescent="0.15">
      <c r="A145" s="153" t="s">
        <v>231</v>
      </c>
      <c r="B145" s="90"/>
      <c r="C145" s="230" t="s">
        <v>49</v>
      </c>
      <c r="D145" s="219"/>
      <c r="E145" s="219"/>
      <c r="F145" s="219"/>
      <c r="G145" s="219"/>
      <c r="H145" s="220"/>
      <c r="I145" s="93" t="s">
        <v>50</v>
      </c>
      <c r="J145" s="164" t="s">
        <v>337</v>
      </c>
      <c r="K145" s="71"/>
      <c r="L145" s="66"/>
      <c r="M145" s="66"/>
      <c r="N145" s="20"/>
      <c r="O145" s="20"/>
      <c r="P145" s="20"/>
    </row>
    <row r="146" spans="1:18" s="75" customFormat="1" x14ac:dyDescent="0.15">
      <c r="A146" s="144"/>
      <c r="B146" s="17"/>
      <c r="C146" s="17"/>
      <c r="D146" s="17"/>
      <c r="E146" s="17"/>
      <c r="F146" s="17"/>
      <c r="G146" s="17"/>
      <c r="H146" s="13"/>
      <c r="I146" s="13"/>
      <c r="J146" s="73"/>
      <c r="K146" s="94"/>
      <c r="L146" s="66"/>
      <c r="M146" s="66"/>
      <c r="N146" s="20"/>
      <c r="O146" s="20"/>
      <c r="P146" s="20"/>
    </row>
    <row r="147" spans="1:18" s="72" customFormat="1" x14ac:dyDescent="0.15">
      <c r="A147" s="144"/>
      <c r="B147" s="78"/>
      <c r="C147" s="60"/>
      <c r="D147" s="60"/>
      <c r="E147" s="60"/>
      <c r="F147" s="60"/>
      <c r="G147" s="60"/>
      <c r="H147" s="80"/>
      <c r="I147" s="80"/>
      <c r="J147" s="73"/>
      <c r="K147" s="74"/>
      <c r="L147" s="74"/>
      <c r="M147" s="74"/>
      <c r="N147" s="20"/>
      <c r="O147" s="20"/>
      <c r="P147" s="20"/>
    </row>
    <row r="148" spans="1:18" s="75" customFormat="1" x14ac:dyDescent="0.15">
      <c r="A148" s="144"/>
      <c r="B148" s="1"/>
      <c r="C148" s="3"/>
      <c r="D148" s="3"/>
      <c r="E148" s="3"/>
      <c r="F148" s="3"/>
      <c r="G148" s="3"/>
      <c r="H148" s="198"/>
      <c r="I148" s="198"/>
      <c r="J148" s="77"/>
      <c r="K148" s="62"/>
      <c r="L148" s="82"/>
      <c r="M148" s="82"/>
      <c r="N148" s="82"/>
      <c r="O148" s="82"/>
      <c r="P148" s="20"/>
      <c r="Q148" s="20"/>
      <c r="R148" s="20"/>
    </row>
    <row r="149" spans="1:18" x14ac:dyDescent="0.15">
      <c r="A149" s="144"/>
      <c r="B149" s="17" t="s">
        <v>51</v>
      </c>
      <c r="C149" s="17"/>
      <c r="D149" s="17"/>
      <c r="E149" s="17"/>
      <c r="F149" s="17"/>
      <c r="G149" s="17"/>
      <c r="H149" s="13"/>
      <c r="I149" s="13"/>
      <c r="J149" s="7"/>
      <c r="L149" s="6"/>
      <c r="M149" s="6"/>
      <c r="N149" s="6"/>
      <c r="O149" s="6"/>
      <c r="P149" s="20"/>
      <c r="Q149" s="20"/>
      <c r="R149" s="20"/>
    </row>
    <row r="150" spans="1:18" x14ac:dyDescent="0.15">
      <c r="A150" s="144"/>
      <c r="B150" s="17"/>
      <c r="C150" s="17"/>
      <c r="D150" s="17"/>
      <c r="E150" s="17"/>
      <c r="F150" s="17"/>
      <c r="G150" s="17"/>
      <c r="H150" s="13"/>
      <c r="I150" s="13"/>
      <c r="L150" s="66"/>
      <c r="M150" s="66"/>
      <c r="N150" s="66"/>
      <c r="O150" s="95"/>
      <c r="P150" s="20"/>
      <c r="Q150" s="20"/>
      <c r="R150" s="20"/>
    </row>
    <row r="151" spans="1:18" ht="27" x14ac:dyDescent="0.15">
      <c r="A151" s="144"/>
      <c r="B151" s="17"/>
      <c r="C151" s="3"/>
      <c r="D151" s="3"/>
      <c r="F151" s="3"/>
      <c r="G151" s="3"/>
      <c r="H151" s="198"/>
      <c r="I151" s="198"/>
      <c r="J151" s="64" t="s">
        <v>28</v>
      </c>
      <c r="K151" s="65"/>
      <c r="L151" s="96" t="s">
        <v>52</v>
      </c>
      <c r="M151" s="96" t="s">
        <v>53</v>
      </c>
      <c r="N151" s="96" t="s">
        <v>54</v>
      </c>
      <c r="O151" s="96" t="s">
        <v>55</v>
      </c>
      <c r="P151" s="20"/>
      <c r="Q151" s="20"/>
      <c r="R151" s="20"/>
    </row>
    <row r="152" spans="1:18" x14ac:dyDescent="0.15">
      <c r="A152" s="144"/>
      <c r="B152" s="1"/>
      <c r="C152" s="60"/>
      <c r="D152" s="3"/>
      <c r="F152" s="3"/>
      <c r="G152" s="3"/>
      <c r="H152" s="198"/>
      <c r="I152" s="67" t="s">
        <v>29</v>
      </c>
      <c r="J152" s="68"/>
      <c r="K152" s="69"/>
      <c r="L152" s="97"/>
      <c r="M152" s="97"/>
      <c r="N152" s="97"/>
      <c r="O152" s="97"/>
      <c r="P152" s="20"/>
      <c r="Q152" s="20"/>
      <c r="R152" s="20"/>
    </row>
    <row r="153" spans="1:18" s="72" customFormat="1" ht="34.5" customHeight="1" x14ac:dyDescent="0.15">
      <c r="A153" s="153" t="s">
        <v>232</v>
      </c>
      <c r="B153" s="98"/>
      <c r="C153" s="226" t="s">
        <v>56</v>
      </c>
      <c r="D153" s="247"/>
      <c r="E153" s="247"/>
      <c r="F153" s="247"/>
      <c r="G153" s="226" t="s">
        <v>57</v>
      </c>
      <c r="H153" s="247"/>
      <c r="I153" s="287" t="s">
        <v>58</v>
      </c>
      <c r="J153" s="165">
        <v>1</v>
      </c>
      <c r="K153" s="99"/>
      <c r="L153" s="100"/>
      <c r="M153" s="100"/>
      <c r="N153" s="100"/>
      <c r="O153" s="101"/>
      <c r="P153" s="20"/>
      <c r="Q153" s="20"/>
      <c r="R153" s="20"/>
    </row>
    <row r="154" spans="1:18" s="72" customFormat="1" ht="34.5" customHeight="1" x14ac:dyDescent="0.15">
      <c r="A154" s="153" t="s">
        <v>232</v>
      </c>
      <c r="B154" s="78"/>
      <c r="C154" s="247"/>
      <c r="D154" s="247"/>
      <c r="E154" s="247"/>
      <c r="F154" s="247"/>
      <c r="G154" s="226" t="s">
        <v>59</v>
      </c>
      <c r="H154" s="247"/>
      <c r="I154" s="288"/>
      <c r="J154" s="166">
        <v>0</v>
      </c>
      <c r="K154" s="102"/>
      <c r="L154" s="103"/>
      <c r="M154" s="103"/>
      <c r="N154" s="103"/>
      <c r="O154" s="104"/>
      <c r="P154" s="20"/>
      <c r="Q154" s="20"/>
      <c r="R154" s="20"/>
    </row>
    <row r="155" spans="1:18" s="72" customFormat="1" ht="34.5" customHeight="1" x14ac:dyDescent="0.15">
      <c r="A155" s="153" t="s">
        <v>233</v>
      </c>
      <c r="B155" s="98"/>
      <c r="C155" s="226" t="s">
        <v>60</v>
      </c>
      <c r="D155" s="247"/>
      <c r="E155" s="247"/>
      <c r="F155" s="247"/>
      <c r="G155" s="226" t="s">
        <v>57</v>
      </c>
      <c r="H155" s="247"/>
      <c r="I155" s="288"/>
      <c r="J155" s="165">
        <v>0</v>
      </c>
      <c r="K155" s="99"/>
      <c r="L155" s="105"/>
      <c r="M155" s="105"/>
      <c r="N155" s="105"/>
      <c r="O155" s="106"/>
      <c r="P155" s="20"/>
      <c r="Q155" s="20"/>
      <c r="R155" s="20"/>
    </row>
    <row r="156" spans="1:18" s="72" customFormat="1" ht="34.5" customHeight="1" x14ac:dyDescent="0.15">
      <c r="A156" s="153" t="s">
        <v>233</v>
      </c>
      <c r="B156" s="78"/>
      <c r="C156" s="247"/>
      <c r="D156" s="247"/>
      <c r="E156" s="247"/>
      <c r="F156" s="247"/>
      <c r="G156" s="226" t="s">
        <v>59</v>
      </c>
      <c r="H156" s="247"/>
      <c r="I156" s="288"/>
      <c r="J156" s="166">
        <v>0</v>
      </c>
      <c r="K156" s="102"/>
      <c r="L156" s="103"/>
      <c r="M156" s="103"/>
      <c r="N156" s="103"/>
      <c r="O156" s="104"/>
      <c r="P156" s="20"/>
      <c r="Q156" s="20"/>
      <c r="R156" s="20"/>
    </row>
    <row r="157" spans="1:18" s="72" customFormat="1" ht="34.5" customHeight="1" x14ac:dyDescent="0.15">
      <c r="A157" s="153" t="s">
        <v>234</v>
      </c>
      <c r="B157" s="98"/>
      <c r="C157" s="226" t="s">
        <v>61</v>
      </c>
      <c r="D157" s="226"/>
      <c r="E157" s="226"/>
      <c r="F157" s="226"/>
      <c r="G157" s="226" t="s">
        <v>57</v>
      </c>
      <c r="H157" s="226"/>
      <c r="I157" s="288"/>
      <c r="J157" s="165">
        <v>2</v>
      </c>
      <c r="K157" s="99" t="str">
        <f t="shared" ref="K157:K172" si="1">IF(OR(COUNTIF(L157:O157,"未確認")&gt;0,COUNTIF(L157:O157,"*")&gt;0),"※","")</f>
        <v/>
      </c>
      <c r="L157" s="167">
        <v>1</v>
      </c>
      <c r="M157" s="167">
        <v>0</v>
      </c>
      <c r="N157" s="167">
        <v>1</v>
      </c>
      <c r="O157" s="167">
        <v>0</v>
      </c>
      <c r="P157" s="20"/>
      <c r="Q157" s="20"/>
      <c r="R157" s="20"/>
    </row>
    <row r="158" spans="1:18" s="72" customFormat="1" ht="34.5" customHeight="1" x14ac:dyDescent="0.15">
      <c r="A158" s="153" t="s">
        <v>234</v>
      </c>
      <c r="B158" s="98"/>
      <c r="C158" s="226"/>
      <c r="D158" s="226"/>
      <c r="E158" s="226"/>
      <c r="F158" s="226"/>
      <c r="G158" s="226" t="s">
        <v>59</v>
      </c>
      <c r="H158" s="227"/>
      <c r="I158" s="288"/>
      <c r="J158" s="166">
        <v>0</v>
      </c>
      <c r="K158" s="99" t="str">
        <f t="shared" si="1"/>
        <v/>
      </c>
      <c r="L158" s="168">
        <v>0</v>
      </c>
      <c r="M158" s="168">
        <v>0</v>
      </c>
      <c r="N158" s="168">
        <v>0</v>
      </c>
      <c r="O158" s="168">
        <v>0</v>
      </c>
      <c r="P158" s="20"/>
      <c r="Q158" s="20"/>
      <c r="R158" s="20"/>
    </row>
    <row r="159" spans="1:18" s="72" customFormat="1" ht="34.5" customHeight="1" x14ac:dyDescent="0.15">
      <c r="A159" s="153" t="s">
        <v>235</v>
      </c>
      <c r="B159" s="98"/>
      <c r="C159" s="226" t="s">
        <v>62</v>
      </c>
      <c r="D159" s="227"/>
      <c r="E159" s="227"/>
      <c r="F159" s="227"/>
      <c r="G159" s="226" t="s">
        <v>57</v>
      </c>
      <c r="H159" s="227"/>
      <c r="I159" s="288"/>
      <c r="J159" s="165">
        <v>2</v>
      </c>
      <c r="K159" s="99" t="str">
        <f t="shared" si="1"/>
        <v/>
      </c>
      <c r="L159" s="167">
        <v>1</v>
      </c>
      <c r="M159" s="167">
        <v>0</v>
      </c>
      <c r="N159" s="167">
        <v>1</v>
      </c>
      <c r="O159" s="167">
        <v>0</v>
      </c>
      <c r="P159" s="20"/>
      <c r="Q159" s="20"/>
      <c r="R159" s="20"/>
    </row>
    <row r="160" spans="1:18" s="72" customFormat="1" ht="34.5" customHeight="1" x14ac:dyDescent="0.15">
      <c r="A160" s="153" t="s">
        <v>235</v>
      </c>
      <c r="B160" s="98"/>
      <c r="C160" s="227"/>
      <c r="D160" s="227"/>
      <c r="E160" s="227"/>
      <c r="F160" s="227"/>
      <c r="G160" s="226" t="s">
        <v>59</v>
      </c>
      <c r="H160" s="227"/>
      <c r="I160" s="288"/>
      <c r="J160" s="166">
        <v>0</v>
      </c>
      <c r="K160" s="99" t="str">
        <f t="shared" si="1"/>
        <v/>
      </c>
      <c r="L160" s="168">
        <v>0</v>
      </c>
      <c r="M160" s="168">
        <v>0</v>
      </c>
      <c r="N160" s="168">
        <v>0</v>
      </c>
      <c r="O160" s="168">
        <v>0</v>
      </c>
      <c r="P160" s="20"/>
      <c r="Q160" s="20"/>
      <c r="R160" s="20"/>
    </row>
    <row r="161" spans="1:18" s="72" customFormat="1" ht="34.5" customHeight="1" x14ac:dyDescent="0.15">
      <c r="A161" s="153" t="s">
        <v>236</v>
      </c>
      <c r="B161" s="98"/>
      <c r="C161" s="226" t="s">
        <v>63</v>
      </c>
      <c r="D161" s="227"/>
      <c r="E161" s="227"/>
      <c r="F161" s="227"/>
      <c r="G161" s="226" t="s">
        <v>57</v>
      </c>
      <c r="H161" s="227"/>
      <c r="I161" s="288"/>
      <c r="J161" s="165">
        <v>1</v>
      </c>
      <c r="K161" s="99" t="str">
        <f t="shared" si="1"/>
        <v/>
      </c>
      <c r="L161" s="167">
        <v>1</v>
      </c>
      <c r="M161" s="167">
        <v>0</v>
      </c>
      <c r="N161" s="167">
        <v>0</v>
      </c>
      <c r="O161" s="167">
        <v>0</v>
      </c>
      <c r="P161" s="20"/>
      <c r="Q161" s="20"/>
      <c r="R161" s="20"/>
    </row>
    <row r="162" spans="1:18" s="72" customFormat="1" ht="34.5" customHeight="1" x14ac:dyDescent="0.15">
      <c r="A162" s="153" t="s">
        <v>236</v>
      </c>
      <c r="B162" s="98"/>
      <c r="C162" s="227"/>
      <c r="D162" s="227"/>
      <c r="E162" s="227"/>
      <c r="F162" s="227"/>
      <c r="G162" s="226" t="s">
        <v>59</v>
      </c>
      <c r="H162" s="227"/>
      <c r="I162" s="288"/>
      <c r="J162" s="166">
        <v>0</v>
      </c>
      <c r="K162" s="99" t="str">
        <f t="shared" si="1"/>
        <v/>
      </c>
      <c r="L162" s="168">
        <v>0</v>
      </c>
      <c r="M162" s="168">
        <v>0</v>
      </c>
      <c r="N162" s="168">
        <v>0</v>
      </c>
      <c r="O162" s="168">
        <v>0</v>
      </c>
      <c r="P162" s="20"/>
      <c r="Q162" s="20"/>
      <c r="R162" s="20"/>
    </row>
    <row r="163" spans="1:18" s="72" customFormat="1" ht="34.5" customHeight="1" x14ac:dyDescent="0.15">
      <c r="A163" s="153" t="s">
        <v>237</v>
      </c>
      <c r="B163" s="98"/>
      <c r="C163" s="226" t="s">
        <v>64</v>
      </c>
      <c r="D163" s="227"/>
      <c r="E163" s="227"/>
      <c r="F163" s="227"/>
      <c r="G163" s="226" t="s">
        <v>57</v>
      </c>
      <c r="H163" s="227"/>
      <c r="I163" s="288"/>
      <c r="J163" s="165">
        <v>3</v>
      </c>
      <c r="K163" s="99" t="str">
        <f t="shared" si="1"/>
        <v/>
      </c>
      <c r="L163" s="167">
        <v>2</v>
      </c>
      <c r="M163" s="167">
        <v>0</v>
      </c>
      <c r="N163" s="167">
        <v>1</v>
      </c>
      <c r="O163" s="167">
        <v>0</v>
      </c>
      <c r="P163" s="20"/>
      <c r="Q163" s="20"/>
      <c r="R163" s="20"/>
    </row>
    <row r="164" spans="1:18" s="72" customFormat="1" ht="34.5" customHeight="1" x14ac:dyDescent="0.15">
      <c r="A164" s="153" t="s">
        <v>237</v>
      </c>
      <c r="B164" s="78"/>
      <c r="C164" s="227"/>
      <c r="D164" s="227"/>
      <c r="E164" s="227"/>
      <c r="F164" s="227"/>
      <c r="G164" s="226" t="s">
        <v>59</v>
      </c>
      <c r="H164" s="227"/>
      <c r="I164" s="288"/>
      <c r="J164" s="166">
        <v>0</v>
      </c>
      <c r="K164" s="99" t="str">
        <f t="shared" si="1"/>
        <v/>
      </c>
      <c r="L164" s="168">
        <v>0</v>
      </c>
      <c r="M164" s="168">
        <v>0</v>
      </c>
      <c r="N164" s="168">
        <v>0</v>
      </c>
      <c r="O164" s="168">
        <v>0</v>
      </c>
      <c r="P164" s="20"/>
      <c r="Q164" s="20"/>
      <c r="R164" s="20"/>
    </row>
    <row r="165" spans="1:18" s="72" customFormat="1" ht="34.5" customHeight="1" x14ac:dyDescent="0.15">
      <c r="A165" s="153" t="s">
        <v>238</v>
      </c>
      <c r="B165" s="78"/>
      <c r="C165" s="226" t="s">
        <v>65</v>
      </c>
      <c r="D165" s="227"/>
      <c r="E165" s="227"/>
      <c r="F165" s="227"/>
      <c r="G165" s="226" t="s">
        <v>57</v>
      </c>
      <c r="H165" s="227"/>
      <c r="I165" s="288"/>
      <c r="J165" s="165">
        <v>0</v>
      </c>
      <c r="K165" s="99" t="str">
        <f t="shared" si="1"/>
        <v/>
      </c>
      <c r="L165" s="167">
        <v>0</v>
      </c>
      <c r="M165" s="167">
        <v>0</v>
      </c>
      <c r="N165" s="167">
        <v>0</v>
      </c>
      <c r="O165" s="167">
        <v>0</v>
      </c>
      <c r="P165" s="20"/>
      <c r="Q165" s="20"/>
      <c r="R165" s="20"/>
    </row>
    <row r="166" spans="1:18" s="72" customFormat="1" ht="34.5" customHeight="1" x14ac:dyDescent="0.15">
      <c r="A166" s="153" t="s">
        <v>238</v>
      </c>
      <c r="B166" s="78"/>
      <c r="C166" s="227"/>
      <c r="D166" s="227"/>
      <c r="E166" s="227"/>
      <c r="F166" s="227"/>
      <c r="G166" s="226" t="s">
        <v>59</v>
      </c>
      <c r="H166" s="227"/>
      <c r="I166" s="288"/>
      <c r="J166" s="166">
        <v>0</v>
      </c>
      <c r="K166" s="99" t="str">
        <f t="shared" si="1"/>
        <v/>
      </c>
      <c r="L166" s="168">
        <v>0</v>
      </c>
      <c r="M166" s="168">
        <v>0</v>
      </c>
      <c r="N166" s="168">
        <v>0</v>
      </c>
      <c r="O166" s="168">
        <v>0</v>
      </c>
      <c r="P166" s="20"/>
      <c r="Q166" s="20"/>
      <c r="R166" s="20"/>
    </row>
    <row r="167" spans="1:18" s="72" customFormat="1" ht="34.5" customHeight="1" x14ac:dyDescent="0.15">
      <c r="A167" s="153" t="s">
        <v>239</v>
      </c>
      <c r="B167" s="78"/>
      <c r="C167" s="226" t="s">
        <v>66</v>
      </c>
      <c r="D167" s="227"/>
      <c r="E167" s="227"/>
      <c r="F167" s="227"/>
      <c r="G167" s="226" t="s">
        <v>57</v>
      </c>
      <c r="H167" s="227"/>
      <c r="I167" s="288"/>
      <c r="J167" s="165">
        <v>0</v>
      </c>
      <c r="K167" s="99" t="str">
        <f t="shared" si="1"/>
        <v/>
      </c>
      <c r="L167" s="167">
        <v>0</v>
      </c>
      <c r="M167" s="167">
        <v>0</v>
      </c>
      <c r="N167" s="167">
        <v>0</v>
      </c>
      <c r="O167" s="167">
        <v>0</v>
      </c>
      <c r="P167" s="20"/>
      <c r="Q167" s="20"/>
      <c r="R167" s="20"/>
    </row>
    <row r="168" spans="1:18" s="72" customFormat="1" ht="34.5" customHeight="1" x14ac:dyDescent="0.15">
      <c r="A168" s="153" t="s">
        <v>239</v>
      </c>
      <c r="B168" s="78"/>
      <c r="C168" s="227"/>
      <c r="D168" s="227"/>
      <c r="E168" s="227"/>
      <c r="F168" s="227"/>
      <c r="G168" s="226" t="s">
        <v>59</v>
      </c>
      <c r="H168" s="227"/>
      <c r="I168" s="288"/>
      <c r="J168" s="166">
        <v>0</v>
      </c>
      <c r="K168" s="99" t="str">
        <f t="shared" si="1"/>
        <v/>
      </c>
      <c r="L168" s="168">
        <v>0</v>
      </c>
      <c r="M168" s="168">
        <v>0</v>
      </c>
      <c r="N168" s="168">
        <v>0</v>
      </c>
      <c r="O168" s="168">
        <v>0</v>
      </c>
      <c r="P168" s="20"/>
      <c r="Q168" s="20"/>
      <c r="R168" s="20"/>
    </row>
    <row r="169" spans="1:18" s="72" customFormat="1" ht="34.5" customHeight="1" x14ac:dyDescent="0.15">
      <c r="A169" s="153" t="s">
        <v>240</v>
      </c>
      <c r="B169" s="78"/>
      <c r="C169" s="226" t="s">
        <v>67</v>
      </c>
      <c r="D169" s="227"/>
      <c r="E169" s="227"/>
      <c r="F169" s="227"/>
      <c r="G169" s="226" t="s">
        <v>57</v>
      </c>
      <c r="H169" s="227"/>
      <c r="I169" s="288"/>
      <c r="J169" s="165">
        <v>0</v>
      </c>
      <c r="K169" s="99" t="str">
        <f t="shared" si="1"/>
        <v/>
      </c>
      <c r="L169" s="167">
        <v>0</v>
      </c>
      <c r="M169" s="167">
        <v>0</v>
      </c>
      <c r="N169" s="167">
        <v>0</v>
      </c>
      <c r="O169" s="167">
        <v>0</v>
      </c>
      <c r="P169" s="20"/>
      <c r="Q169" s="20"/>
      <c r="R169" s="20"/>
    </row>
    <row r="170" spans="1:18" s="72" customFormat="1" ht="34.5" customHeight="1" x14ac:dyDescent="0.15">
      <c r="A170" s="153" t="s">
        <v>240</v>
      </c>
      <c r="B170" s="78"/>
      <c r="C170" s="227"/>
      <c r="D170" s="227"/>
      <c r="E170" s="227"/>
      <c r="F170" s="227"/>
      <c r="G170" s="226" t="s">
        <v>59</v>
      </c>
      <c r="H170" s="227"/>
      <c r="I170" s="288"/>
      <c r="J170" s="166">
        <v>0</v>
      </c>
      <c r="K170" s="99" t="str">
        <f t="shared" si="1"/>
        <v/>
      </c>
      <c r="L170" s="168">
        <v>0</v>
      </c>
      <c r="M170" s="168">
        <v>0</v>
      </c>
      <c r="N170" s="168">
        <v>0</v>
      </c>
      <c r="O170" s="168">
        <v>0</v>
      </c>
      <c r="P170" s="20"/>
      <c r="Q170" s="20"/>
      <c r="R170" s="20"/>
    </row>
    <row r="171" spans="1:18" s="72" customFormat="1" ht="34.5" customHeight="1" x14ac:dyDescent="0.15">
      <c r="A171" s="153" t="s">
        <v>241</v>
      </c>
      <c r="B171" s="78"/>
      <c r="C171" s="226" t="s">
        <v>68</v>
      </c>
      <c r="D171" s="227"/>
      <c r="E171" s="227"/>
      <c r="F171" s="227"/>
      <c r="G171" s="226" t="s">
        <v>57</v>
      </c>
      <c r="H171" s="227"/>
      <c r="I171" s="288"/>
      <c r="J171" s="165">
        <v>0</v>
      </c>
      <c r="K171" s="99" t="str">
        <f t="shared" si="1"/>
        <v/>
      </c>
      <c r="L171" s="167">
        <v>0</v>
      </c>
      <c r="M171" s="167">
        <v>0</v>
      </c>
      <c r="N171" s="167">
        <v>0</v>
      </c>
      <c r="O171" s="167">
        <v>0</v>
      </c>
      <c r="P171" s="20"/>
      <c r="Q171" s="20"/>
      <c r="R171" s="20"/>
    </row>
    <row r="172" spans="1:18" s="72" customFormat="1" ht="34.5" customHeight="1" x14ac:dyDescent="0.15">
      <c r="A172" s="153" t="s">
        <v>241</v>
      </c>
      <c r="B172" s="78"/>
      <c r="C172" s="227"/>
      <c r="D172" s="227"/>
      <c r="E172" s="227"/>
      <c r="F172" s="227"/>
      <c r="G172" s="226" t="s">
        <v>59</v>
      </c>
      <c r="H172" s="227"/>
      <c r="I172" s="288"/>
      <c r="J172" s="166">
        <v>0</v>
      </c>
      <c r="K172" s="99" t="str">
        <f t="shared" si="1"/>
        <v/>
      </c>
      <c r="L172" s="168">
        <v>0</v>
      </c>
      <c r="M172" s="168">
        <v>0</v>
      </c>
      <c r="N172" s="168">
        <v>0</v>
      </c>
      <c r="O172" s="168">
        <v>0</v>
      </c>
      <c r="P172" s="20"/>
      <c r="Q172" s="20"/>
      <c r="R172" s="20"/>
    </row>
    <row r="173" spans="1:18" s="72" customFormat="1" ht="34.5" customHeight="1" x14ac:dyDescent="0.15">
      <c r="A173" s="153" t="s">
        <v>242</v>
      </c>
      <c r="B173" s="78"/>
      <c r="C173" s="226" t="s">
        <v>69</v>
      </c>
      <c r="D173" s="247"/>
      <c r="E173" s="247"/>
      <c r="F173" s="247"/>
      <c r="G173" s="226" t="s">
        <v>57</v>
      </c>
      <c r="H173" s="247"/>
      <c r="I173" s="288"/>
      <c r="J173" s="165">
        <v>0</v>
      </c>
      <c r="K173" s="99"/>
      <c r="L173" s="105"/>
      <c r="M173" s="105"/>
      <c r="N173" s="105"/>
      <c r="O173" s="106"/>
      <c r="P173" s="20"/>
      <c r="Q173" s="20"/>
      <c r="R173" s="20"/>
    </row>
    <row r="174" spans="1:18" s="72" customFormat="1" ht="34.5" customHeight="1" x14ac:dyDescent="0.15">
      <c r="A174" s="153" t="s">
        <v>242</v>
      </c>
      <c r="B174" s="78"/>
      <c r="C174" s="247"/>
      <c r="D174" s="247"/>
      <c r="E174" s="247"/>
      <c r="F174" s="247"/>
      <c r="G174" s="226" t="s">
        <v>59</v>
      </c>
      <c r="H174" s="247"/>
      <c r="I174" s="288"/>
      <c r="J174" s="166">
        <v>0</v>
      </c>
      <c r="K174" s="102"/>
      <c r="L174" s="103"/>
      <c r="M174" s="103"/>
      <c r="N174" s="103"/>
      <c r="O174" s="104"/>
      <c r="P174" s="20"/>
      <c r="Q174" s="20"/>
      <c r="R174" s="20"/>
    </row>
    <row r="175" spans="1:18" s="72" customFormat="1" ht="34.5" customHeight="1" x14ac:dyDescent="0.15">
      <c r="A175" s="153" t="s">
        <v>243</v>
      </c>
      <c r="B175" s="78"/>
      <c r="C175" s="226" t="s">
        <v>70</v>
      </c>
      <c r="D175" s="247"/>
      <c r="E175" s="247"/>
      <c r="F175" s="247"/>
      <c r="G175" s="226" t="s">
        <v>57</v>
      </c>
      <c r="H175" s="247"/>
      <c r="I175" s="288"/>
      <c r="J175" s="165">
        <v>0</v>
      </c>
      <c r="K175" s="99"/>
      <c r="L175" s="105"/>
      <c r="M175" s="105"/>
      <c r="N175" s="105"/>
      <c r="O175" s="106"/>
      <c r="P175" s="20"/>
      <c r="Q175" s="20"/>
      <c r="R175" s="20"/>
    </row>
    <row r="176" spans="1:18" s="72" customFormat="1" ht="34.5" customHeight="1" x14ac:dyDescent="0.15">
      <c r="A176" s="153" t="s">
        <v>243</v>
      </c>
      <c r="B176" s="78"/>
      <c r="C176" s="247"/>
      <c r="D176" s="247"/>
      <c r="E176" s="247"/>
      <c r="F176" s="247"/>
      <c r="G176" s="226" t="s">
        <v>59</v>
      </c>
      <c r="H176" s="247"/>
      <c r="I176" s="288"/>
      <c r="J176" s="166">
        <v>0</v>
      </c>
      <c r="K176" s="102"/>
      <c r="L176" s="103"/>
      <c r="M176" s="103"/>
      <c r="N176" s="103"/>
      <c r="O176" s="104"/>
      <c r="P176" s="20"/>
      <c r="Q176" s="20"/>
      <c r="R176" s="20"/>
    </row>
    <row r="177" spans="1:18" s="72" customFormat="1" ht="34.5" customHeight="1" x14ac:dyDescent="0.15">
      <c r="A177" s="153" t="s">
        <v>244</v>
      </c>
      <c r="B177" s="78"/>
      <c r="C177" s="226" t="s">
        <v>71</v>
      </c>
      <c r="D177" s="227"/>
      <c r="E177" s="227"/>
      <c r="F177" s="227"/>
      <c r="G177" s="226" t="s">
        <v>57</v>
      </c>
      <c r="H177" s="247"/>
      <c r="I177" s="288"/>
      <c r="J177" s="165">
        <v>0</v>
      </c>
      <c r="K177" s="99" t="str">
        <f>IF(OR(COUNTIF(L177:O177,"未確認")&gt;0,COUNTIF(L177:O177,"*")&gt;0),"※","")</f>
        <v/>
      </c>
      <c r="L177" s="167">
        <v>0</v>
      </c>
      <c r="M177" s="167">
        <v>0</v>
      </c>
      <c r="N177" s="167">
        <v>0</v>
      </c>
      <c r="O177" s="167">
        <v>0</v>
      </c>
      <c r="P177" s="20"/>
      <c r="Q177" s="20"/>
      <c r="R177" s="20"/>
    </row>
    <row r="178" spans="1:18" s="72" customFormat="1" ht="34.5" customHeight="1" x14ac:dyDescent="0.15">
      <c r="A178" s="153" t="s">
        <v>244</v>
      </c>
      <c r="B178" s="78"/>
      <c r="C178" s="227"/>
      <c r="D178" s="227"/>
      <c r="E178" s="227"/>
      <c r="F178" s="227"/>
      <c r="G178" s="226" t="s">
        <v>59</v>
      </c>
      <c r="H178" s="247"/>
      <c r="I178" s="288"/>
      <c r="J178" s="166">
        <v>0</v>
      </c>
      <c r="K178" s="99" t="str">
        <f>IF(OR(COUNTIF(L178:O178,"未確認")&gt;0,COUNTIF(L178:O178,"*")&gt;0),"※","")</f>
        <v/>
      </c>
      <c r="L178" s="168">
        <v>0</v>
      </c>
      <c r="M178" s="168">
        <v>0</v>
      </c>
      <c r="N178" s="168">
        <v>0</v>
      </c>
      <c r="O178" s="168">
        <v>0</v>
      </c>
      <c r="P178" s="20"/>
      <c r="Q178" s="20"/>
      <c r="R178" s="20"/>
    </row>
    <row r="179" spans="1:18" s="72" customFormat="1" ht="34.5" customHeight="1" x14ac:dyDescent="0.15">
      <c r="A179" s="153" t="s">
        <v>245</v>
      </c>
      <c r="B179" s="78"/>
      <c r="C179" s="226" t="s">
        <v>72</v>
      </c>
      <c r="D179" s="247"/>
      <c r="E179" s="247"/>
      <c r="F179" s="247"/>
      <c r="G179" s="226" t="s">
        <v>57</v>
      </c>
      <c r="H179" s="247"/>
      <c r="I179" s="288"/>
      <c r="J179" s="165">
        <v>0</v>
      </c>
      <c r="K179" s="99" t="str">
        <f>IF(OR(COUNTIF(L179:O179,"未確認")&gt;0,COUNTIF(L179:O179,"*")&gt;0),"※","")</f>
        <v/>
      </c>
      <c r="L179" s="167">
        <v>0</v>
      </c>
      <c r="M179" s="167">
        <v>0</v>
      </c>
      <c r="N179" s="167">
        <v>0</v>
      </c>
      <c r="O179" s="167">
        <v>0</v>
      </c>
      <c r="P179" s="20"/>
      <c r="Q179" s="20"/>
      <c r="R179" s="20"/>
    </row>
    <row r="180" spans="1:18" s="72" customFormat="1" ht="34.5" customHeight="1" x14ac:dyDescent="0.15">
      <c r="A180" s="153" t="s">
        <v>245</v>
      </c>
      <c r="B180" s="78"/>
      <c r="C180" s="247"/>
      <c r="D180" s="247"/>
      <c r="E180" s="247"/>
      <c r="F180" s="247"/>
      <c r="G180" s="226" t="s">
        <v>59</v>
      </c>
      <c r="H180" s="247"/>
      <c r="I180" s="289"/>
      <c r="J180" s="166">
        <v>0</v>
      </c>
      <c r="K180" s="99" t="str">
        <f>IF(OR(COUNTIF(L180:O180,"未確認")&gt;0,COUNTIF(L180:O180,"*")&gt;0),"※","")</f>
        <v/>
      </c>
      <c r="L180" s="168">
        <v>0</v>
      </c>
      <c r="M180" s="168">
        <v>0</v>
      </c>
      <c r="N180" s="168">
        <v>0</v>
      </c>
      <c r="O180" s="168">
        <v>0</v>
      </c>
      <c r="P180" s="20"/>
      <c r="Q180" s="20"/>
      <c r="R180" s="20"/>
    </row>
    <row r="181" spans="1:18" s="75" customFormat="1" x14ac:dyDescent="0.15">
      <c r="A181" s="144"/>
      <c r="B181" s="17"/>
      <c r="C181" s="17"/>
      <c r="D181" s="17"/>
      <c r="E181" s="17"/>
      <c r="F181" s="17"/>
      <c r="G181" s="17"/>
      <c r="H181" s="13"/>
      <c r="I181" s="13"/>
      <c r="J181" s="73"/>
      <c r="K181" s="74"/>
      <c r="L181" s="81"/>
      <c r="M181" s="81"/>
      <c r="N181" s="81"/>
      <c r="O181" s="81"/>
      <c r="P181" s="20"/>
      <c r="Q181" s="20"/>
      <c r="R181" s="20"/>
    </row>
    <row r="182" spans="1:18" s="75" customFormat="1" x14ac:dyDescent="0.15">
      <c r="A182" s="144"/>
      <c r="B182" s="78"/>
      <c r="C182" s="3"/>
      <c r="D182" s="3"/>
      <c r="E182" s="3"/>
      <c r="F182" s="3"/>
      <c r="G182" s="3"/>
      <c r="H182" s="198"/>
      <c r="I182" s="198"/>
      <c r="J182" s="62"/>
      <c r="K182" s="62"/>
      <c r="L182" s="82"/>
      <c r="M182" s="82"/>
      <c r="N182" s="82"/>
      <c r="O182" s="82"/>
      <c r="P182" s="20"/>
      <c r="Q182" s="20"/>
      <c r="R182" s="20"/>
    </row>
    <row r="183" spans="1:18" s="75" customFormat="1" x14ac:dyDescent="0.15">
      <c r="A183" s="144"/>
      <c r="B183" s="78"/>
      <c r="C183" s="3"/>
      <c r="D183" s="3"/>
      <c r="E183" s="3"/>
      <c r="F183" s="3"/>
      <c r="G183" s="3"/>
      <c r="H183" s="198"/>
      <c r="I183" s="198"/>
      <c r="J183" s="62"/>
      <c r="K183" s="62"/>
      <c r="L183" s="82"/>
      <c r="M183" s="82"/>
      <c r="N183" s="82"/>
      <c r="O183" s="82"/>
      <c r="P183" s="20"/>
      <c r="Q183" s="20"/>
      <c r="R183" s="20"/>
    </row>
    <row r="184" spans="1:18" s="75" customFormat="1" x14ac:dyDescent="0.15">
      <c r="A184" s="144"/>
      <c r="B184" s="17" t="s">
        <v>73</v>
      </c>
      <c r="C184" s="17"/>
      <c r="D184" s="17"/>
      <c r="E184" s="17"/>
      <c r="F184" s="17"/>
      <c r="G184" s="17"/>
      <c r="H184" s="13"/>
      <c r="I184" s="13"/>
      <c r="J184" s="62"/>
      <c r="K184" s="62"/>
      <c r="L184" s="82"/>
      <c r="M184" s="82"/>
      <c r="N184" s="82"/>
      <c r="O184" s="82"/>
      <c r="P184" s="20"/>
      <c r="Q184" s="20"/>
      <c r="R184" s="20"/>
    </row>
    <row r="185" spans="1:18" x14ac:dyDescent="0.15">
      <c r="A185" s="144"/>
      <c r="B185" s="17"/>
      <c r="C185" s="17"/>
      <c r="D185" s="17"/>
      <c r="E185" s="17"/>
      <c r="F185" s="17"/>
      <c r="G185" s="17"/>
      <c r="H185" s="13"/>
      <c r="I185" s="13"/>
      <c r="L185" s="82"/>
      <c r="M185" s="82"/>
      <c r="N185" s="82"/>
      <c r="O185" s="82"/>
      <c r="P185" s="20"/>
      <c r="Q185" s="20"/>
      <c r="R185" s="20"/>
    </row>
    <row r="186" spans="1:18" x14ac:dyDescent="0.15">
      <c r="A186" s="144"/>
      <c r="B186" s="17"/>
      <c r="C186" s="3"/>
      <c r="D186" s="3"/>
      <c r="F186" s="3"/>
      <c r="G186" s="3"/>
      <c r="H186" s="198"/>
      <c r="I186" s="198"/>
      <c r="J186" s="64" t="s">
        <v>28</v>
      </c>
      <c r="K186" s="65"/>
      <c r="L186" s="82"/>
      <c r="M186" s="82"/>
      <c r="N186" s="82"/>
      <c r="O186" s="82"/>
      <c r="P186" s="20"/>
      <c r="Q186" s="20"/>
      <c r="R186" s="20"/>
    </row>
    <row r="187" spans="1:18" x14ac:dyDescent="0.15">
      <c r="A187" s="144"/>
      <c r="B187" s="1"/>
      <c r="C187" s="60"/>
      <c r="D187" s="3"/>
      <c r="F187" s="3"/>
      <c r="G187" s="3"/>
      <c r="H187" s="198"/>
      <c r="I187" s="67" t="s">
        <v>29</v>
      </c>
      <c r="J187" s="68"/>
      <c r="K187" s="69"/>
      <c r="L187" s="82"/>
      <c r="M187" s="82"/>
      <c r="N187" s="82"/>
      <c r="O187" s="82"/>
      <c r="P187" s="20"/>
      <c r="Q187" s="20"/>
      <c r="R187" s="20"/>
    </row>
    <row r="188" spans="1:18" s="72" customFormat="1" ht="34.5" customHeight="1" x14ac:dyDescent="0.15">
      <c r="A188" s="153" t="s">
        <v>246</v>
      </c>
      <c r="B188" s="1"/>
      <c r="C188" s="226" t="s">
        <v>74</v>
      </c>
      <c r="D188" s="226"/>
      <c r="E188" s="226"/>
      <c r="F188" s="226"/>
      <c r="G188" s="226"/>
      <c r="H188" s="226"/>
      <c r="I188" s="214" t="s">
        <v>75</v>
      </c>
      <c r="J188" s="164" t="s">
        <v>338</v>
      </c>
      <c r="K188" s="107"/>
      <c r="L188" s="82"/>
      <c r="M188" s="82"/>
      <c r="N188" s="82"/>
      <c r="O188" s="82"/>
      <c r="P188" s="20"/>
      <c r="Q188" s="20"/>
      <c r="R188" s="20"/>
    </row>
    <row r="189" spans="1:18" s="72" customFormat="1" ht="34.5" customHeight="1" x14ac:dyDescent="0.15">
      <c r="A189" s="153" t="s">
        <v>247</v>
      </c>
      <c r="B189" s="108"/>
      <c r="C189" s="267" t="s">
        <v>76</v>
      </c>
      <c r="D189" s="267"/>
      <c r="E189" s="267"/>
      <c r="F189" s="285"/>
      <c r="G189" s="226" t="s">
        <v>56</v>
      </c>
      <c r="H189" s="190" t="s">
        <v>77</v>
      </c>
      <c r="I189" s="283"/>
      <c r="J189" s="165">
        <v>0</v>
      </c>
      <c r="K189" s="99"/>
      <c r="L189" s="82"/>
      <c r="M189" s="82"/>
      <c r="N189" s="82"/>
      <c r="O189" s="82"/>
      <c r="P189" s="20"/>
      <c r="Q189" s="20"/>
      <c r="R189" s="20"/>
    </row>
    <row r="190" spans="1:18" s="72" customFormat="1" ht="34.5" customHeight="1" x14ac:dyDescent="0.15">
      <c r="A190" s="153" t="s">
        <v>247</v>
      </c>
      <c r="B190" s="108"/>
      <c r="C190" s="226"/>
      <c r="D190" s="226"/>
      <c r="E190" s="226"/>
      <c r="F190" s="227"/>
      <c r="G190" s="226"/>
      <c r="H190" s="190" t="s">
        <v>78</v>
      </c>
      <c r="I190" s="283"/>
      <c r="J190" s="166">
        <v>0</v>
      </c>
      <c r="K190" s="102"/>
      <c r="L190" s="82"/>
      <c r="M190" s="82"/>
      <c r="N190" s="82"/>
      <c r="O190" s="82"/>
      <c r="P190" s="20"/>
      <c r="Q190" s="20"/>
      <c r="R190" s="20"/>
    </row>
    <row r="191" spans="1:18" s="72" customFormat="1" ht="34.5" customHeight="1" x14ac:dyDescent="0.15">
      <c r="A191" s="153" t="s">
        <v>248</v>
      </c>
      <c r="B191" s="108"/>
      <c r="C191" s="226"/>
      <c r="D191" s="226"/>
      <c r="E191" s="226"/>
      <c r="F191" s="227"/>
      <c r="G191" s="226" t="s">
        <v>79</v>
      </c>
      <c r="H191" s="190" t="s">
        <v>77</v>
      </c>
      <c r="I191" s="283"/>
      <c r="J191" s="165">
        <v>0</v>
      </c>
      <c r="K191" s="99"/>
      <c r="L191" s="82"/>
      <c r="M191" s="82"/>
      <c r="N191" s="82"/>
      <c r="O191" s="82"/>
      <c r="P191" s="20"/>
      <c r="Q191" s="20"/>
      <c r="R191" s="20"/>
    </row>
    <row r="192" spans="1:18" s="72" customFormat="1" ht="34.5" customHeight="1" x14ac:dyDescent="0.15">
      <c r="A192" s="153" t="s">
        <v>248</v>
      </c>
      <c r="B192" s="108"/>
      <c r="C192" s="226"/>
      <c r="D192" s="226"/>
      <c r="E192" s="226"/>
      <c r="F192" s="227"/>
      <c r="G192" s="227"/>
      <c r="H192" s="190" t="s">
        <v>78</v>
      </c>
      <c r="I192" s="283"/>
      <c r="J192" s="166">
        <v>0</v>
      </c>
      <c r="K192" s="102"/>
      <c r="L192" s="82"/>
      <c r="M192" s="82"/>
      <c r="N192" s="82"/>
      <c r="O192" s="82"/>
      <c r="P192" s="20"/>
      <c r="Q192" s="20"/>
      <c r="R192" s="20"/>
    </row>
    <row r="193" spans="1:18" s="72" customFormat="1" ht="34.5" customHeight="1" x14ac:dyDescent="0.15">
      <c r="A193" s="153" t="s">
        <v>249</v>
      </c>
      <c r="B193" s="108"/>
      <c r="C193" s="226"/>
      <c r="D193" s="226"/>
      <c r="E193" s="226"/>
      <c r="F193" s="227"/>
      <c r="G193" s="226" t="s">
        <v>80</v>
      </c>
      <c r="H193" s="190" t="s">
        <v>77</v>
      </c>
      <c r="I193" s="283"/>
      <c r="J193" s="165">
        <v>0</v>
      </c>
      <c r="K193" s="99"/>
      <c r="L193" s="82"/>
      <c r="M193" s="82"/>
      <c r="N193" s="82"/>
      <c r="O193" s="82"/>
      <c r="P193" s="20"/>
      <c r="Q193" s="20"/>
      <c r="R193" s="20"/>
    </row>
    <row r="194" spans="1:18" s="72" customFormat="1" ht="34.5" customHeight="1" x14ac:dyDescent="0.15">
      <c r="A194" s="153" t="s">
        <v>249</v>
      </c>
      <c r="B194" s="108"/>
      <c r="C194" s="226"/>
      <c r="D194" s="226"/>
      <c r="E194" s="226"/>
      <c r="F194" s="227"/>
      <c r="G194" s="227"/>
      <c r="H194" s="190" t="s">
        <v>78</v>
      </c>
      <c r="I194" s="283"/>
      <c r="J194" s="166">
        <v>0</v>
      </c>
      <c r="K194" s="102"/>
      <c r="L194" s="82"/>
      <c r="M194" s="82"/>
      <c r="N194" s="82"/>
      <c r="O194" s="82"/>
      <c r="P194" s="20"/>
      <c r="Q194" s="20"/>
      <c r="R194" s="20"/>
    </row>
    <row r="195" spans="1:18" s="72" customFormat="1" ht="34.5" customHeight="1" x14ac:dyDescent="0.15">
      <c r="A195" s="153" t="s">
        <v>250</v>
      </c>
      <c r="B195" s="108"/>
      <c r="C195" s="226"/>
      <c r="D195" s="226"/>
      <c r="E195" s="226"/>
      <c r="F195" s="227"/>
      <c r="G195" s="286" t="s">
        <v>81</v>
      </c>
      <c r="H195" s="190" t="s">
        <v>77</v>
      </c>
      <c r="I195" s="283"/>
      <c r="J195" s="165">
        <v>0</v>
      </c>
      <c r="K195" s="99"/>
      <c r="L195" s="82"/>
      <c r="M195" s="82"/>
      <c r="N195" s="82"/>
      <c r="O195" s="82"/>
      <c r="P195" s="20"/>
      <c r="Q195" s="20"/>
      <c r="R195" s="20"/>
    </row>
    <row r="196" spans="1:18" s="72" customFormat="1" ht="34.5" customHeight="1" x14ac:dyDescent="0.15">
      <c r="A196" s="153" t="s">
        <v>250</v>
      </c>
      <c r="B196" s="108"/>
      <c r="C196" s="226"/>
      <c r="D196" s="226"/>
      <c r="E196" s="226"/>
      <c r="F196" s="227"/>
      <c r="G196" s="227"/>
      <c r="H196" s="190" t="s">
        <v>78</v>
      </c>
      <c r="I196" s="283"/>
      <c r="J196" s="166">
        <v>0</v>
      </c>
      <c r="K196" s="102"/>
      <c r="L196" s="82"/>
      <c r="M196" s="82"/>
      <c r="N196" s="82"/>
      <c r="O196" s="82"/>
      <c r="P196" s="20"/>
      <c r="Q196" s="20"/>
      <c r="R196" s="20"/>
    </row>
    <row r="197" spans="1:18" s="72" customFormat="1" ht="34.5" customHeight="1" x14ac:dyDescent="0.15">
      <c r="A197" s="153" t="s">
        <v>251</v>
      </c>
      <c r="B197" s="108"/>
      <c r="C197" s="226"/>
      <c r="D197" s="226"/>
      <c r="E197" s="226"/>
      <c r="F197" s="227"/>
      <c r="G197" s="226" t="s">
        <v>82</v>
      </c>
      <c r="H197" s="190" t="s">
        <v>77</v>
      </c>
      <c r="I197" s="283"/>
      <c r="J197" s="165">
        <v>0</v>
      </c>
      <c r="K197" s="99"/>
      <c r="L197" s="82"/>
      <c r="M197" s="82"/>
      <c r="N197" s="82"/>
      <c r="O197" s="82"/>
      <c r="P197" s="20"/>
      <c r="Q197" s="20"/>
      <c r="R197" s="20"/>
    </row>
    <row r="198" spans="1:18" s="72" customFormat="1" ht="34.5" customHeight="1" x14ac:dyDescent="0.15">
      <c r="A198" s="153" t="s">
        <v>251</v>
      </c>
      <c r="B198" s="108"/>
      <c r="C198" s="226"/>
      <c r="D198" s="226"/>
      <c r="E198" s="226"/>
      <c r="F198" s="227"/>
      <c r="G198" s="227"/>
      <c r="H198" s="190" t="s">
        <v>78</v>
      </c>
      <c r="I198" s="283"/>
      <c r="J198" s="166">
        <v>0</v>
      </c>
      <c r="K198" s="102"/>
      <c r="L198" s="82"/>
      <c r="M198" s="82"/>
      <c r="N198" s="82"/>
      <c r="O198" s="82"/>
      <c r="P198" s="20"/>
      <c r="Q198" s="20"/>
      <c r="R198" s="20"/>
    </row>
    <row r="199" spans="1:18" s="72" customFormat="1" ht="34.5" customHeight="1" x14ac:dyDescent="0.15">
      <c r="A199" s="153" t="s">
        <v>252</v>
      </c>
      <c r="B199" s="108"/>
      <c r="C199" s="226"/>
      <c r="D199" s="226"/>
      <c r="E199" s="226"/>
      <c r="F199" s="227"/>
      <c r="G199" s="226" t="s">
        <v>55</v>
      </c>
      <c r="H199" s="190" t="s">
        <v>77</v>
      </c>
      <c r="I199" s="283"/>
      <c r="J199" s="165">
        <v>0</v>
      </c>
      <c r="K199" s="99"/>
      <c r="L199" s="82"/>
      <c r="M199" s="82"/>
      <c r="N199" s="82"/>
      <c r="O199" s="82"/>
      <c r="P199" s="20"/>
      <c r="Q199" s="20"/>
      <c r="R199" s="20"/>
    </row>
    <row r="200" spans="1:18" s="72" customFormat="1" ht="34.5" customHeight="1" x14ac:dyDescent="0.15">
      <c r="A200" s="153" t="s">
        <v>252</v>
      </c>
      <c r="B200" s="108"/>
      <c r="C200" s="226"/>
      <c r="D200" s="226"/>
      <c r="E200" s="226"/>
      <c r="F200" s="227"/>
      <c r="G200" s="227"/>
      <c r="H200" s="190" t="s">
        <v>78</v>
      </c>
      <c r="I200" s="284"/>
      <c r="J200" s="166">
        <v>0</v>
      </c>
      <c r="K200" s="102"/>
      <c r="L200" s="82"/>
      <c r="M200" s="82"/>
      <c r="N200" s="82"/>
      <c r="O200" s="82"/>
      <c r="P200" s="20"/>
      <c r="Q200" s="20"/>
      <c r="R200" s="20"/>
    </row>
    <row r="201" spans="1:18" s="75" customFormat="1" x14ac:dyDescent="0.15">
      <c r="A201" s="144"/>
      <c r="B201" s="17"/>
      <c r="C201" s="17"/>
      <c r="D201" s="17"/>
      <c r="E201" s="17"/>
      <c r="F201" s="17"/>
      <c r="G201" s="17"/>
      <c r="H201" s="13"/>
      <c r="I201" s="13"/>
      <c r="J201" s="73"/>
      <c r="K201" s="74"/>
      <c r="L201" s="82"/>
      <c r="M201" s="82"/>
      <c r="N201" s="82"/>
      <c r="O201" s="82"/>
      <c r="P201" s="20"/>
      <c r="Q201" s="20"/>
      <c r="R201" s="20"/>
    </row>
    <row r="202" spans="1:18" s="72" customFormat="1" x14ac:dyDescent="0.15">
      <c r="A202" s="144"/>
      <c r="B202" s="78"/>
      <c r="C202" s="60"/>
      <c r="D202" s="60"/>
      <c r="E202" s="60"/>
      <c r="F202" s="60"/>
      <c r="G202" s="60"/>
      <c r="H202" s="80"/>
      <c r="I202" s="80"/>
      <c r="J202" s="73"/>
      <c r="K202" s="74"/>
      <c r="L202" s="82"/>
      <c r="M202" s="82"/>
      <c r="N202" s="82"/>
      <c r="O202" s="82"/>
      <c r="P202" s="20"/>
      <c r="Q202" s="20"/>
      <c r="R202" s="20"/>
    </row>
    <row r="203" spans="1:18" s="75" customFormat="1" x14ac:dyDescent="0.15">
      <c r="A203" s="144"/>
      <c r="B203" s="108"/>
      <c r="C203" s="109"/>
      <c r="D203" s="109"/>
      <c r="E203" s="3"/>
      <c r="F203" s="3"/>
      <c r="G203" s="3"/>
      <c r="H203" s="198"/>
      <c r="I203" s="198"/>
      <c r="J203" s="77"/>
      <c r="K203" s="62"/>
      <c r="L203" s="82"/>
      <c r="M203" s="82"/>
      <c r="N203" s="82"/>
      <c r="O203" s="82"/>
      <c r="P203" s="20"/>
      <c r="Q203" s="20"/>
      <c r="R203" s="20"/>
    </row>
    <row r="204" spans="1:18" s="75" customFormat="1" x14ac:dyDescent="0.15">
      <c r="A204" s="144"/>
      <c r="B204" s="17" t="s">
        <v>83</v>
      </c>
      <c r="C204" s="17"/>
      <c r="D204" s="17"/>
      <c r="E204" s="17"/>
      <c r="F204" s="17"/>
      <c r="G204" s="17"/>
      <c r="H204" s="13"/>
      <c r="I204" s="13"/>
      <c r="J204" s="62"/>
      <c r="K204" s="62"/>
      <c r="L204" s="82"/>
      <c r="M204" s="82"/>
      <c r="N204" s="82"/>
      <c r="O204" s="82"/>
      <c r="P204" s="20"/>
      <c r="Q204" s="20"/>
      <c r="R204" s="20"/>
    </row>
    <row r="205" spans="1:18" x14ac:dyDescent="0.15">
      <c r="A205" s="144"/>
      <c r="B205" s="17"/>
      <c r="C205" s="17"/>
      <c r="D205" s="17"/>
      <c r="E205" s="17"/>
      <c r="F205" s="17"/>
      <c r="G205" s="17"/>
      <c r="H205" s="13"/>
      <c r="I205" s="13"/>
      <c r="L205" s="82"/>
      <c r="M205" s="82"/>
      <c r="N205" s="82"/>
      <c r="O205" s="82"/>
      <c r="P205" s="20"/>
      <c r="Q205" s="20"/>
      <c r="R205" s="20"/>
    </row>
    <row r="206" spans="1:18" x14ac:dyDescent="0.15">
      <c r="A206" s="144"/>
      <c r="B206" s="17"/>
      <c r="C206" s="3"/>
      <c r="D206" s="3"/>
      <c r="F206" s="3"/>
      <c r="G206" s="3"/>
      <c r="H206" s="198"/>
      <c r="I206" s="198"/>
      <c r="J206" s="64" t="s">
        <v>28</v>
      </c>
      <c r="K206" s="65"/>
      <c r="L206" s="82"/>
      <c r="M206" s="82"/>
      <c r="N206" s="82"/>
      <c r="O206" s="82"/>
      <c r="P206" s="20"/>
      <c r="Q206" s="20"/>
      <c r="R206" s="20"/>
    </row>
    <row r="207" spans="1:18" x14ac:dyDescent="0.15">
      <c r="A207" s="144"/>
      <c r="B207" s="1"/>
      <c r="C207" s="60"/>
      <c r="D207" s="3"/>
      <c r="F207" s="3"/>
      <c r="G207" s="3"/>
      <c r="H207" s="198"/>
      <c r="I207" s="67" t="s">
        <v>29</v>
      </c>
      <c r="J207" s="68"/>
      <c r="K207" s="69"/>
      <c r="L207" s="82"/>
      <c r="M207" s="82"/>
      <c r="N207" s="82"/>
      <c r="O207" s="82"/>
      <c r="P207" s="20"/>
      <c r="Q207" s="20"/>
      <c r="R207" s="20"/>
    </row>
    <row r="208" spans="1:18" s="72" customFormat="1" ht="34.5" customHeight="1" x14ac:dyDescent="0.15">
      <c r="A208" s="153" t="s">
        <v>253</v>
      </c>
      <c r="B208" s="1"/>
      <c r="C208" s="217" t="s">
        <v>84</v>
      </c>
      <c r="D208" s="240"/>
      <c r="E208" s="281" t="s">
        <v>85</v>
      </c>
      <c r="F208" s="282"/>
      <c r="G208" s="226" t="s">
        <v>86</v>
      </c>
      <c r="H208" s="227"/>
      <c r="I208" s="214" t="s">
        <v>87</v>
      </c>
      <c r="J208" s="169">
        <v>0</v>
      </c>
      <c r="K208" s="71"/>
      <c r="L208" s="82"/>
      <c r="M208" s="82"/>
      <c r="N208" s="82"/>
      <c r="O208" s="82"/>
      <c r="P208" s="20"/>
      <c r="Q208" s="20"/>
      <c r="R208" s="20"/>
    </row>
    <row r="209" spans="1:18" s="72" customFormat="1" ht="34.5" customHeight="1" x14ac:dyDescent="0.15">
      <c r="A209" s="153" t="s">
        <v>254</v>
      </c>
      <c r="B209" s="108"/>
      <c r="C209" s="270"/>
      <c r="D209" s="272"/>
      <c r="E209" s="282"/>
      <c r="F209" s="282"/>
      <c r="G209" s="226" t="s">
        <v>88</v>
      </c>
      <c r="H209" s="227"/>
      <c r="I209" s="276"/>
      <c r="J209" s="169">
        <v>0</v>
      </c>
      <c r="K209" s="71"/>
      <c r="L209" s="82"/>
      <c r="M209" s="82"/>
      <c r="N209" s="82"/>
      <c r="O209" s="82"/>
      <c r="P209" s="20"/>
      <c r="Q209" s="20"/>
      <c r="R209" s="20"/>
    </row>
    <row r="210" spans="1:18" s="72" customFormat="1" ht="34.5" customHeight="1" x14ac:dyDescent="0.15">
      <c r="A210" s="153" t="s">
        <v>255</v>
      </c>
      <c r="B210" s="108"/>
      <c r="C210" s="270"/>
      <c r="D210" s="272"/>
      <c r="E210" s="282"/>
      <c r="F210" s="282"/>
      <c r="G210" s="226" t="s">
        <v>89</v>
      </c>
      <c r="H210" s="227"/>
      <c r="I210" s="276"/>
      <c r="J210" s="169">
        <v>0</v>
      </c>
      <c r="K210" s="71"/>
      <c r="L210" s="82"/>
      <c r="M210" s="82"/>
      <c r="N210" s="82"/>
      <c r="O210" s="82"/>
      <c r="P210" s="20"/>
      <c r="Q210" s="20"/>
      <c r="R210" s="20"/>
    </row>
    <row r="211" spans="1:18" s="72" customFormat="1" ht="34.5" customHeight="1" x14ac:dyDescent="0.15">
      <c r="A211" s="153" t="s">
        <v>256</v>
      </c>
      <c r="B211" s="108"/>
      <c r="C211" s="273"/>
      <c r="D211" s="275"/>
      <c r="E211" s="226" t="s">
        <v>55</v>
      </c>
      <c r="F211" s="227"/>
      <c r="G211" s="227"/>
      <c r="H211" s="227"/>
      <c r="I211" s="235"/>
      <c r="J211" s="169">
        <v>0</v>
      </c>
      <c r="K211" s="71"/>
      <c r="L211" s="77"/>
      <c r="M211" s="176"/>
      <c r="N211" s="82"/>
      <c r="O211" s="82"/>
      <c r="P211" s="20"/>
      <c r="Q211" s="20"/>
      <c r="R211" s="20"/>
    </row>
    <row r="212" spans="1:18" s="72" customFormat="1" ht="34.5" customHeight="1" x14ac:dyDescent="0.15">
      <c r="A212" s="153" t="s">
        <v>257</v>
      </c>
      <c r="B212" s="108"/>
      <c r="C212" s="217" t="s">
        <v>90</v>
      </c>
      <c r="D212" s="229"/>
      <c r="E212" s="226" t="s">
        <v>91</v>
      </c>
      <c r="F212" s="227"/>
      <c r="G212" s="227"/>
      <c r="H212" s="227"/>
      <c r="I212" s="214" t="s">
        <v>92</v>
      </c>
      <c r="J212" s="169">
        <v>0</v>
      </c>
      <c r="K212" s="71"/>
      <c r="L212" s="77"/>
      <c r="M212" s="178"/>
      <c r="N212" s="82"/>
      <c r="O212" s="82"/>
      <c r="P212" s="20"/>
      <c r="Q212" s="20"/>
      <c r="R212" s="20"/>
    </row>
    <row r="213" spans="1:18" s="72" customFormat="1" ht="34.5" customHeight="1" x14ac:dyDescent="0.15">
      <c r="A213" s="153" t="s">
        <v>258</v>
      </c>
      <c r="B213" s="108"/>
      <c r="C213" s="277"/>
      <c r="D213" s="257"/>
      <c r="E213" s="226" t="s">
        <v>93</v>
      </c>
      <c r="F213" s="227"/>
      <c r="G213" s="227"/>
      <c r="H213" s="227"/>
      <c r="I213" s="276"/>
      <c r="J213" s="169">
        <v>0</v>
      </c>
      <c r="K213" s="71"/>
      <c r="L213" s="82"/>
      <c r="M213" s="82"/>
      <c r="N213" s="82"/>
      <c r="O213" s="82"/>
      <c r="P213" s="20"/>
      <c r="Q213" s="20"/>
      <c r="R213" s="20"/>
    </row>
    <row r="214" spans="1:18" s="72" customFormat="1" ht="34.5" customHeight="1" x14ac:dyDescent="0.15">
      <c r="A214" s="153" t="s">
        <v>259</v>
      </c>
      <c r="B214" s="108"/>
      <c r="C214" s="278"/>
      <c r="D214" s="279"/>
      <c r="E214" s="226" t="s">
        <v>94</v>
      </c>
      <c r="F214" s="227"/>
      <c r="G214" s="227"/>
      <c r="H214" s="227"/>
      <c r="I214" s="235"/>
      <c r="J214" s="169">
        <v>0</v>
      </c>
      <c r="K214" s="71"/>
      <c r="L214" s="82"/>
      <c r="M214" s="82"/>
      <c r="N214" s="82"/>
      <c r="O214" s="82"/>
      <c r="P214" s="20"/>
      <c r="Q214" s="20"/>
      <c r="R214" s="20"/>
    </row>
    <row r="215" spans="1:18" s="72" customFormat="1" ht="44.65" customHeight="1" x14ac:dyDescent="0.15">
      <c r="A215" s="153" t="s">
        <v>260</v>
      </c>
      <c r="B215" s="108"/>
      <c r="C215" s="217" t="s">
        <v>55</v>
      </c>
      <c r="D215" s="229"/>
      <c r="E215" s="226" t="s">
        <v>95</v>
      </c>
      <c r="F215" s="227"/>
      <c r="G215" s="227"/>
      <c r="H215" s="227"/>
      <c r="I215" s="110" t="s">
        <v>96</v>
      </c>
      <c r="J215" s="169">
        <v>0</v>
      </c>
      <c r="K215" s="71"/>
      <c r="L215" s="77"/>
      <c r="M215" s="176"/>
      <c r="N215" s="82"/>
      <c r="O215" s="82"/>
      <c r="P215" s="20"/>
      <c r="Q215" s="20"/>
      <c r="R215" s="20"/>
    </row>
    <row r="216" spans="1:18" s="72" customFormat="1" ht="44.65" customHeight="1" x14ac:dyDescent="0.15">
      <c r="A216" s="153" t="s">
        <v>261</v>
      </c>
      <c r="B216" s="108"/>
      <c r="C216" s="277"/>
      <c r="D216" s="257"/>
      <c r="E216" s="226" t="s">
        <v>97</v>
      </c>
      <c r="F216" s="227"/>
      <c r="G216" s="227"/>
      <c r="H216" s="227"/>
      <c r="I216" s="236" t="s">
        <v>98</v>
      </c>
      <c r="J216" s="169">
        <v>0</v>
      </c>
      <c r="K216" s="71"/>
      <c r="L216" s="82"/>
      <c r="M216" s="82"/>
      <c r="N216" s="82"/>
      <c r="O216" s="82"/>
      <c r="P216" s="20"/>
      <c r="Q216" s="20"/>
      <c r="R216" s="20"/>
    </row>
    <row r="217" spans="1:18" s="72" customFormat="1" ht="44.65" customHeight="1" x14ac:dyDescent="0.15">
      <c r="A217" s="153" t="s">
        <v>262</v>
      </c>
      <c r="B217" s="108"/>
      <c r="C217" s="277"/>
      <c r="D217" s="257"/>
      <c r="E217" s="226" t="s">
        <v>99</v>
      </c>
      <c r="F217" s="227"/>
      <c r="G217" s="227"/>
      <c r="H217" s="227"/>
      <c r="I217" s="280"/>
      <c r="J217" s="169">
        <v>0</v>
      </c>
      <c r="K217" s="71"/>
      <c r="L217" s="82"/>
      <c r="M217" s="82"/>
      <c r="N217" s="82"/>
      <c r="O217" s="82"/>
      <c r="P217" s="20"/>
      <c r="Q217" s="20"/>
      <c r="R217" s="20"/>
    </row>
    <row r="218" spans="1:18" s="72" customFormat="1" ht="44.65" customHeight="1" x14ac:dyDescent="0.15">
      <c r="A218" s="153" t="s">
        <v>263</v>
      </c>
      <c r="B218" s="108"/>
      <c r="C218" s="277"/>
      <c r="D218" s="257"/>
      <c r="E218" s="226" t="s">
        <v>100</v>
      </c>
      <c r="F218" s="227"/>
      <c r="G218" s="227"/>
      <c r="H218" s="227"/>
      <c r="I218" s="110" t="s">
        <v>101</v>
      </c>
      <c r="J218" s="169">
        <v>0</v>
      </c>
      <c r="K218" s="71"/>
      <c r="L218" s="82"/>
      <c r="M218" s="82"/>
      <c r="N218" s="82"/>
      <c r="O218" s="82"/>
      <c r="P218" s="20"/>
      <c r="Q218" s="20"/>
      <c r="R218" s="20"/>
    </row>
    <row r="219" spans="1:18" s="72" customFormat="1" ht="44.65" customHeight="1" x14ac:dyDescent="0.15">
      <c r="A219" s="153" t="s">
        <v>264</v>
      </c>
      <c r="B219" s="108"/>
      <c r="C219" s="277"/>
      <c r="D219" s="257"/>
      <c r="E219" s="226" t="s">
        <v>102</v>
      </c>
      <c r="F219" s="227"/>
      <c r="G219" s="227"/>
      <c r="H219" s="227"/>
      <c r="I219" s="110" t="s">
        <v>103</v>
      </c>
      <c r="J219" s="169">
        <v>0</v>
      </c>
      <c r="K219" s="71"/>
      <c r="L219" s="82"/>
      <c r="M219" s="82"/>
      <c r="N219" s="82"/>
      <c r="O219" s="82"/>
      <c r="P219" s="20"/>
      <c r="Q219" s="20"/>
      <c r="R219" s="20"/>
    </row>
    <row r="220" spans="1:18" s="72" customFormat="1" ht="44.65" customHeight="1" x14ac:dyDescent="0.15">
      <c r="A220" s="153" t="s">
        <v>265</v>
      </c>
      <c r="B220" s="108"/>
      <c r="C220" s="277"/>
      <c r="D220" s="257"/>
      <c r="E220" s="226" t="s">
        <v>104</v>
      </c>
      <c r="F220" s="227"/>
      <c r="G220" s="227"/>
      <c r="H220" s="227"/>
      <c r="I220" s="110" t="s">
        <v>105</v>
      </c>
      <c r="J220" s="169">
        <v>0</v>
      </c>
      <c r="K220" s="71"/>
      <c r="L220" s="82"/>
      <c r="M220" s="82"/>
      <c r="N220" s="82"/>
      <c r="O220" s="82"/>
      <c r="P220" s="20"/>
      <c r="Q220" s="20"/>
      <c r="R220" s="20"/>
    </row>
    <row r="221" spans="1:18" s="72" customFormat="1" ht="44.65" customHeight="1" x14ac:dyDescent="0.15">
      <c r="A221" s="153" t="s">
        <v>266</v>
      </c>
      <c r="B221" s="108"/>
      <c r="C221" s="277"/>
      <c r="D221" s="257"/>
      <c r="E221" s="226" t="s">
        <v>106</v>
      </c>
      <c r="F221" s="227"/>
      <c r="G221" s="227"/>
      <c r="H221" s="227"/>
      <c r="I221" s="110" t="s">
        <v>107</v>
      </c>
      <c r="J221" s="169">
        <v>0</v>
      </c>
      <c r="K221" s="71"/>
      <c r="L221" s="82"/>
      <c r="M221" s="82"/>
      <c r="N221" s="82"/>
      <c r="O221" s="82"/>
      <c r="P221" s="20"/>
      <c r="Q221" s="20"/>
      <c r="R221" s="20"/>
    </row>
    <row r="222" spans="1:18" s="72" customFormat="1" ht="44.65" customHeight="1" x14ac:dyDescent="0.15">
      <c r="A222" s="153" t="s">
        <v>267</v>
      </c>
      <c r="B222" s="108"/>
      <c r="C222" s="277"/>
      <c r="D222" s="257"/>
      <c r="E222" s="226" t="s">
        <v>108</v>
      </c>
      <c r="F222" s="227"/>
      <c r="G222" s="227"/>
      <c r="H222" s="227"/>
      <c r="I222" s="110" t="s">
        <v>109</v>
      </c>
      <c r="J222" s="169">
        <v>0</v>
      </c>
      <c r="K222" s="71"/>
      <c r="L222" s="82"/>
      <c r="M222" s="82"/>
      <c r="N222" s="82"/>
      <c r="O222" s="82"/>
      <c r="P222" s="20"/>
      <c r="Q222" s="20"/>
      <c r="R222" s="20"/>
    </row>
    <row r="223" spans="1:18" s="72" customFormat="1" ht="44.65" customHeight="1" x14ac:dyDescent="0.15">
      <c r="A223" s="153" t="s">
        <v>268</v>
      </c>
      <c r="B223" s="108"/>
      <c r="C223" s="277"/>
      <c r="D223" s="257"/>
      <c r="E223" s="226" t="s">
        <v>110</v>
      </c>
      <c r="F223" s="227"/>
      <c r="G223" s="227"/>
      <c r="H223" s="227"/>
      <c r="I223" s="110" t="s">
        <v>111</v>
      </c>
      <c r="J223" s="169">
        <v>0</v>
      </c>
      <c r="K223" s="71"/>
      <c r="L223" s="82"/>
      <c r="M223" s="82"/>
      <c r="N223" s="82"/>
      <c r="O223" s="82"/>
      <c r="P223" s="20"/>
      <c r="Q223" s="20"/>
      <c r="R223" s="20"/>
    </row>
    <row r="224" spans="1:18" s="72" customFormat="1" ht="44.65" customHeight="1" x14ac:dyDescent="0.15">
      <c r="A224" s="153" t="s">
        <v>269</v>
      </c>
      <c r="B224" s="108"/>
      <c r="C224" s="278"/>
      <c r="D224" s="279"/>
      <c r="E224" s="226" t="s">
        <v>112</v>
      </c>
      <c r="F224" s="227"/>
      <c r="G224" s="227"/>
      <c r="H224" s="227"/>
      <c r="I224" s="110" t="s">
        <v>113</v>
      </c>
      <c r="J224" s="169">
        <v>0</v>
      </c>
      <c r="K224" s="71"/>
      <c r="L224" s="82"/>
      <c r="M224" s="82"/>
      <c r="N224" s="82"/>
      <c r="O224" s="82"/>
      <c r="P224" s="20"/>
      <c r="Q224" s="20"/>
      <c r="R224" s="20"/>
    </row>
    <row r="225" spans="1:18" s="75" customFormat="1" x14ac:dyDescent="0.15">
      <c r="A225" s="144"/>
      <c r="B225" s="17"/>
      <c r="C225" s="17"/>
      <c r="D225" s="17"/>
      <c r="E225" s="17"/>
      <c r="F225" s="17"/>
      <c r="G225" s="17"/>
      <c r="H225" s="13"/>
      <c r="I225" s="13"/>
      <c r="J225" s="73"/>
      <c r="K225" s="74"/>
      <c r="L225" s="82"/>
      <c r="M225" s="82"/>
      <c r="N225" s="82"/>
      <c r="O225" s="82"/>
      <c r="P225" s="20"/>
      <c r="Q225" s="20"/>
      <c r="R225" s="20"/>
    </row>
    <row r="226" spans="1:18" s="72" customFormat="1" x14ac:dyDescent="0.15">
      <c r="A226" s="144"/>
      <c r="B226" s="78"/>
      <c r="C226" s="60"/>
      <c r="D226" s="60"/>
      <c r="E226" s="60"/>
      <c r="F226" s="60"/>
      <c r="G226" s="60"/>
      <c r="H226" s="80"/>
      <c r="I226" s="80"/>
      <c r="J226" s="73"/>
      <c r="K226" s="74"/>
      <c r="L226" s="74"/>
      <c r="M226" s="74"/>
      <c r="N226" s="74"/>
      <c r="O226" s="74"/>
      <c r="P226" s="20"/>
      <c r="Q226" s="20"/>
      <c r="R226" s="20"/>
    </row>
    <row r="227" spans="1:18" s="72" customFormat="1" x14ac:dyDescent="0.15">
      <c r="A227" s="144"/>
      <c r="B227" s="78"/>
      <c r="C227" s="60"/>
      <c r="D227" s="60"/>
      <c r="E227" s="60"/>
      <c r="F227" s="60"/>
      <c r="G227" s="60"/>
      <c r="H227" s="80"/>
      <c r="I227" s="80"/>
      <c r="J227" s="73"/>
      <c r="K227" s="74"/>
      <c r="L227" s="74"/>
      <c r="M227" s="74"/>
      <c r="N227" s="74"/>
      <c r="O227" s="74"/>
      <c r="P227" s="20"/>
      <c r="Q227" s="20"/>
      <c r="R227" s="20"/>
    </row>
    <row r="228" spans="1:18" s="75" customFormat="1" x14ac:dyDescent="0.15">
      <c r="A228" s="144"/>
      <c r="B228" s="111" t="s">
        <v>114</v>
      </c>
      <c r="C228" s="17"/>
      <c r="D228" s="17"/>
      <c r="E228" s="17"/>
      <c r="F228" s="17"/>
      <c r="G228" s="17"/>
      <c r="H228" s="13"/>
      <c r="I228" s="13"/>
      <c r="J228" s="62"/>
      <c r="K228" s="62"/>
      <c r="L228" s="81"/>
      <c r="M228" s="81"/>
      <c r="N228" s="81"/>
      <c r="O228" s="81"/>
      <c r="P228" s="20"/>
      <c r="Q228" s="20"/>
      <c r="R228" s="20"/>
    </row>
    <row r="229" spans="1:18" x14ac:dyDescent="0.15">
      <c r="A229" s="144"/>
      <c r="B229" s="17"/>
      <c r="C229" s="17"/>
      <c r="D229" s="17"/>
      <c r="E229" s="17"/>
      <c r="F229" s="17"/>
      <c r="G229" s="17"/>
      <c r="H229" s="13"/>
      <c r="I229" s="13"/>
      <c r="L229" s="82"/>
      <c r="M229" s="82"/>
      <c r="N229" s="82"/>
      <c r="O229" s="82"/>
      <c r="P229" s="20"/>
      <c r="Q229" s="20"/>
      <c r="R229" s="20"/>
    </row>
    <row r="230" spans="1:18" x14ac:dyDescent="0.15">
      <c r="A230" s="144"/>
      <c r="B230" s="17"/>
      <c r="C230" s="3"/>
      <c r="D230" s="3"/>
      <c r="F230" s="3"/>
      <c r="G230" s="3"/>
      <c r="H230" s="198"/>
      <c r="I230" s="198"/>
      <c r="J230" s="64" t="s">
        <v>28</v>
      </c>
      <c r="K230" s="65"/>
      <c r="L230" s="6"/>
      <c r="M230" s="6"/>
      <c r="N230" s="112"/>
      <c r="O230" s="112"/>
      <c r="P230" s="20"/>
      <c r="Q230" s="20"/>
      <c r="R230" s="20"/>
    </row>
    <row r="231" spans="1:18" s="113" customFormat="1" x14ac:dyDescent="0.15">
      <c r="A231" s="144"/>
      <c r="B231" s="1"/>
      <c r="C231" s="3"/>
      <c r="D231" s="3"/>
      <c r="E231" s="3"/>
      <c r="F231" s="3"/>
      <c r="G231" s="3"/>
      <c r="H231" s="198"/>
      <c r="I231" s="67" t="s">
        <v>29</v>
      </c>
      <c r="J231" s="68"/>
      <c r="K231" s="69"/>
      <c r="L231" s="6"/>
      <c r="M231" s="6"/>
      <c r="N231" s="112"/>
      <c r="O231" s="112"/>
      <c r="P231" s="20"/>
      <c r="Q231" s="20"/>
      <c r="R231" s="20"/>
    </row>
    <row r="232" spans="1:18" s="113" customFormat="1" ht="34.5" customHeight="1" x14ac:dyDescent="0.15">
      <c r="A232" s="153" t="s">
        <v>270</v>
      </c>
      <c r="B232" s="114"/>
      <c r="C232" s="226" t="s">
        <v>115</v>
      </c>
      <c r="D232" s="226"/>
      <c r="E232" s="226"/>
      <c r="F232" s="226"/>
      <c r="G232" s="226"/>
      <c r="H232" s="226"/>
      <c r="I232" s="236" t="s">
        <v>116</v>
      </c>
      <c r="J232" s="170" t="s">
        <v>173</v>
      </c>
      <c r="K232" s="71"/>
      <c r="L232" s="6"/>
      <c r="M232" s="6"/>
      <c r="N232" s="112"/>
      <c r="O232" s="112"/>
      <c r="P232" s="20"/>
      <c r="Q232" s="20"/>
      <c r="R232" s="20"/>
    </row>
    <row r="233" spans="1:18" s="113" customFormat="1" ht="34.5" customHeight="1" x14ac:dyDescent="0.15">
      <c r="A233" s="153" t="s">
        <v>270</v>
      </c>
      <c r="B233" s="114"/>
      <c r="C233" s="226" t="s">
        <v>117</v>
      </c>
      <c r="D233" s="227"/>
      <c r="E233" s="227"/>
      <c r="F233" s="227"/>
      <c r="G233" s="227"/>
      <c r="H233" s="227"/>
      <c r="I233" s="276"/>
      <c r="J233" s="170" t="s">
        <v>334</v>
      </c>
      <c r="K233" s="71"/>
      <c r="L233" s="6"/>
      <c r="M233" s="6"/>
      <c r="N233" s="112"/>
      <c r="O233" s="112"/>
      <c r="P233" s="20"/>
      <c r="Q233" s="20"/>
      <c r="R233" s="20"/>
    </row>
    <row r="234" spans="1:18" s="113" customFormat="1" ht="34.5" customHeight="1" x14ac:dyDescent="0.15">
      <c r="A234" s="153" t="s">
        <v>270</v>
      </c>
      <c r="B234" s="114"/>
      <c r="C234" s="226" t="s">
        <v>118</v>
      </c>
      <c r="D234" s="227"/>
      <c r="E234" s="227"/>
      <c r="F234" s="227"/>
      <c r="G234" s="227"/>
      <c r="H234" s="227"/>
      <c r="I234" s="276"/>
      <c r="J234" s="170" t="s">
        <v>173</v>
      </c>
      <c r="K234" s="71"/>
      <c r="L234" s="6"/>
      <c r="M234" s="6"/>
      <c r="N234" s="112"/>
      <c r="O234" s="112"/>
      <c r="P234" s="20"/>
      <c r="Q234" s="20"/>
      <c r="R234" s="20"/>
    </row>
    <row r="235" spans="1:18" s="113" customFormat="1" ht="34.5" customHeight="1" x14ac:dyDescent="0.15">
      <c r="A235" s="153" t="s">
        <v>270</v>
      </c>
      <c r="B235" s="114"/>
      <c r="C235" s="226" t="s">
        <v>119</v>
      </c>
      <c r="D235" s="227"/>
      <c r="E235" s="227"/>
      <c r="F235" s="227"/>
      <c r="G235" s="227"/>
      <c r="H235" s="227"/>
      <c r="I235" s="276"/>
      <c r="J235" s="170" t="s">
        <v>173</v>
      </c>
      <c r="K235" s="71"/>
      <c r="L235" s="6"/>
      <c r="M235" s="6"/>
      <c r="N235" s="112"/>
      <c r="O235" s="112"/>
      <c r="P235" s="20"/>
      <c r="Q235" s="20"/>
      <c r="R235" s="20"/>
    </row>
    <row r="236" spans="1:18" s="113" customFormat="1" ht="34.5" customHeight="1" x14ac:dyDescent="0.15">
      <c r="A236" s="153" t="s">
        <v>270</v>
      </c>
      <c r="B236" s="114"/>
      <c r="C236" s="226" t="s">
        <v>120</v>
      </c>
      <c r="D236" s="227"/>
      <c r="E236" s="227"/>
      <c r="F236" s="227"/>
      <c r="G236" s="227"/>
      <c r="H236" s="227"/>
      <c r="I236" s="276"/>
      <c r="J236" s="170" t="s">
        <v>173</v>
      </c>
      <c r="K236" s="71"/>
      <c r="L236" s="6"/>
      <c r="M236" s="6"/>
      <c r="N236" s="112"/>
      <c r="O236" s="112"/>
      <c r="P236" s="20"/>
      <c r="Q236" s="20"/>
      <c r="R236" s="20"/>
    </row>
    <row r="237" spans="1:18" s="113" customFormat="1" ht="34.5" customHeight="1" x14ac:dyDescent="0.15">
      <c r="A237" s="153" t="s">
        <v>270</v>
      </c>
      <c r="B237" s="114"/>
      <c r="C237" s="226" t="s">
        <v>121</v>
      </c>
      <c r="D237" s="247"/>
      <c r="E237" s="247"/>
      <c r="F237" s="247"/>
      <c r="G237" s="247"/>
      <c r="H237" s="247"/>
      <c r="I237" s="276"/>
      <c r="J237" s="170" t="s">
        <v>173</v>
      </c>
      <c r="K237" s="71"/>
      <c r="L237" s="6"/>
      <c r="M237" s="6"/>
      <c r="N237" s="112"/>
      <c r="O237" s="112"/>
      <c r="P237" s="20"/>
      <c r="Q237" s="20"/>
      <c r="R237" s="20"/>
    </row>
    <row r="238" spans="1:18" s="113" customFormat="1" ht="34.5" customHeight="1" x14ac:dyDescent="0.15">
      <c r="A238" s="153" t="s">
        <v>270</v>
      </c>
      <c r="B238" s="114"/>
      <c r="C238" s="226" t="s">
        <v>122</v>
      </c>
      <c r="D238" s="247"/>
      <c r="E238" s="247"/>
      <c r="F238" s="247"/>
      <c r="G238" s="247"/>
      <c r="H238" s="247"/>
      <c r="I238" s="235"/>
      <c r="J238" s="170" t="s">
        <v>173</v>
      </c>
      <c r="K238" s="71"/>
      <c r="L238" s="6"/>
      <c r="M238" s="6"/>
      <c r="N238" s="112"/>
      <c r="O238" s="112"/>
      <c r="P238" s="20"/>
      <c r="Q238" s="20"/>
      <c r="R238" s="20"/>
    </row>
    <row r="239" spans="1:18" s="75" customFormat="1" x14ac:dyDescent="0.15">
      <c r="A239" s="144"/>
      <c r="B239" s="17"/>
      <c r="C239" s="17"/>
      <c r="D239" s="17"/>
      <c r="E239" s="17"/>
      <c r="F239" s="17"/>
      <c r="G239" s="17"/>
      <c r="H239" s="13"/>
      <c r="I239" s="13"/>
      <c r="J239" s="73"/>
      <c r="K239" s="74"/>
      <c r="L239" s="81"/>
      <c r="M239" s="81"/>
      <c r="N239" s="81"/>
      <c r="O239" s="81"/>
      <c r="P239" s="20"/>
      <c r="Q239" s="20"/>
      <c r="R239" s="20"/>
    </row>
    <row r="240" spans="1:18" s="72" customFormat="1" x14ac:dyDescent="0.15">
      <c r="A240" s="144"/>
      <c r="B240" s="78"/>
      <c r="C240" s="60"/>
      <c r="D240" s="60"/>
      <c r="E240" s="60"/>
      <c r="F240" s="60"/>
      <c r="G240" s="60"/>
      <c r="H240" s="80"/>
      <c r="I240" s="80"/>
      <c r="J240" s="73"/>
      <c r="K240" s="74"/>
      <c r="L240" s="74"/>
      <c r="M240" s="74"/>
      <c r="N240" s="74"/>
      <c r="O240" s="74"/>
      <c r="P240" s="20"/>
      <c r="Q240" s="20"/>
      <c r="R240" s="20"/>
    </row>
    <row r="241" spans="1:72" s="72" customFormat="1" x14ac:dyDescent="0.15">
      <c r="A241" s="144"/>
      <c r="B241" s="90"/>
      <c r="C241" s="90"/>
      <c r="D241" s="60"/>
      <c r="E241" s="60"/>
      <c r="F241" s="60"/>
      <c r="G241" s="60"/>
      <c r="H241" s="80"/>
      <c r="I241" s="115"/>
      <c r="J241" s="73"/>
      <c r="K241" s="74"/>
      <c r="L241" s="74"/>
      <c r="M241" s="74"/>
      <c r="N241" s="74"/>
      <c r="O241" s="74"/>
      <c r="P241" s="74"/>
      <c r="Q241" s="74"/>
      <c r="R241" s="74"/>
      <c r="S241" s="74"/>
      <c r="T241" s="74"/>
      <c r="U241" s="74"/>
      <c r="V241" s="74"/>
      <c r="W241" s="74"/>
      <c r="X241" s="74"/>
      <c r="Y241" s="74"/>
      <c r="Z241" s="74"/>
      <c r="AA241" s="74"/>
      <c r="AB241" s="74"/>
      <c r="AC241" s="74"/>
      <c r="AD241" s="74"/>
      <c r="AE241" s="74"/>
      <c r="AF241" s="74"/>
      <c r="AG241" s="74"/>
      <c r="AH241" s="74"/>
      <c r="AI241" s="74"/>
      <c r="AJ241" s="74"/>
      <c r="AK241" s="74"/>
      <c r="AL241" s="74"/>
      <c r="AM241" s="74"/>
      <c r="AN241" s="74"/>
      <c r="AO241" s="74"/>
      <c r="AP241" s="74"/>
      <c r="AQ241" s="74"/>
      <c r="AR241" s="74"/>
      <c r="AS241" s="74"/>
      <c r="AT241" s="74"/>
      <c r="AU241" s="74"/>
      <c r="AV241" s="74"/>
      <c r="AW241" s="74"/>
      <c r="AX241" s="74"/>
      <c r="AY241" s="74"/>
    </row>
    <row r="242" spans="1:72" s="75" customFormat="1" x14ac:dyDescent="0.15">
      <c r="A242" s="144"/>
      <c r="B242" s="90"/>
      <c r="C242" s="3"/>
      <c r="D242" s="3"/>
      <c r="E242" s="3"/>
      <c r="F242" s="3"/>
      <c r="G242" s="3"/>
      <c r="H242" s="198"/>
      <c r="I242" s="198"/>
      <c r="J242" s="77"/>
      <c r="K242" s="62"/>
      <c r="L242" s="82"/>
      <c r="M242" s="82"/>
      <c r="N242" s="82"/>
      <c r="O242" s="82"/>
      <c r="P242" s="82"/>
      <c r="Q242" s="82"/>
      <c r="R242" s="82"/>
      <c r="S242" s="82"/>
      <c r="T242" s="82"/>
      <c r="U242" s="82"/>
      <c r="V242" s="82"/>
      <c r="W242" s="82"/>
      <c r="X242" s="82"/>
      <c r="Y242" s="82"/>
      <c r="Z242" s="82"/>
      <c r="AA242" s="82"/>
      <c r="AB242" s="82"/>
      <c r="AC242" s="82"/>
      <c r="AD242" s="82"/>
      <c r="AE242" s="82"/>
      <c r="AF242" s="82"/>
      <c r="AG242" s="82"/>
      <c r="AH242" s="82"/>
      <c r="AI242" s="82"/>
      <c r="AJ242" s="82"/>
      <c r="AK242" s="82"/>
      <c r="AL242" s="82"/>
      <c r="AM242" s="82"/>
      <c r="AN242" s="82"/>
      <c r="AO242" s="82"/>
      <c r="AP242" s="82"/>
      <c r="AQ242" s="82"/>
      <c r="AR242" s="82"/>
      <c r="AS242" s="82"/>
      <c r="AT242" s="82"/>
      <c r="AU242" s="82"/>
      <c r="AV242" s="82"/>
      <c r="AW242" s="82"/>
      <c r="AX242" s="82"/>
      <c r="AY242" s="82"/>
    </row>
    <row r="243" spans="1:72" s="72" customFormat="1" x14ac:dyDescent="0.15">
      <c r="A243" s="144"/>
      <c r="B243" s="116" t="s">
        <v>123</v>
      </c>
      <c r="C243" s="117"/>
      <c r="D243" s="3"/>
      <c r="E243" s="3"/>
      <c r="F243" s="3"/>
      <c r="G243" s="3"/>
      <c r="H243" s="198"/>
      <c r="I243" s="198"/>
      <c r="J243" s="77"/>
      <c r="K243" s="61"/>
      <c r="L243" s="82"/>
      <c r="M243" s="82"/>
      <c r="N243" s="82"/>
      <c r="O243" s="82"/>
      <c r="P243" s="74"/>
      <c r="Q243" s="74"/>
      <c r="R243" s="74"/>
      <c r="S243" s="74"/>
      <c r="T243" s="74"/>
      <c r="U243" s="74"/>
      <c r="V243" s="74"/>
      <c r="W243" s="74"/>
      <c r="X243" s="74"/>
      <c r="Y243" s="74"/>
      <c r="Z243" s="74"/>
      <c r="AA243" s="74"/>
      <c r="AB243" s="74"/>
      <c r="AC243" s="74"/>
      <c r="AD243" s="74"/>
      <c r="AE243" s="74"/>
      <c r="AF243" s="74"/>
      <c r="AG243" s="74"/>
      <c r="AH243" s="74"/>
      <c r="AI243" s="74"/>
      <c r="AJ243" s="74"/>
      <c r="AK243" s="74"/>
      <c r="AL243" s="74"/>
      <c r="AM243" s="74"/>
      <c r="AN243" s="74"/>
      <c r="AO243" s="74"/>
      <c r="AP243" s="74"/>
      <c r="AQ243" s="74"/>
      <c r="AR243" s="74"/>
      <c r="AS243" s="74"/>
      <c r="AT243" s="74"/>
      <c r="AU243" s="74"/>
      <c r="AV243" s="74"/>
      <c r="AW243" s="74"/>
      <c r="AX243" s="74"/>
      <c r="AY243" s="74"/>
    </row>
    <row r="244" spans="1:72" x14ac:dyDescent="0.15">
      <c r="A244" s="144"/>
      <c r="B244" s="17"/>
      <c r="C244" s="17"/>
      <c r="D244" s="17"/>
      <c r="E244" s="17"/>
      <c r="F244" s="17"/>
      <c r="G244" s="17"/>
      <c r="H244" s="13"/>
      <c r="I244" s="13"/>
      <c r="L244" s="66"/>
      <c r="M244" s="66"/>
      <c r="N244" s="66"/>
      <c r="O244" s="66"/>
      <c r="P244" s="66"/>
      <c r="Q244" s="66"/>
      <c r="R244" s="66"/>
      <c r="S244" s="66"/>
      <c r="T244" s="66"/>
      <c r="U244" s="66"/>
      <c r="V244" s="66"/>
      <c r="W244" s="66"/>
      <c r="X244" s="66"/>
      <c r="Y244" s="66"/>
      <c r="Z244" s="66"/>
      <c r="AA244" s="66"/>
      <c r="AB244" s="66"/>
      <c r="AC244" s="66"/>
      <c r="AD244" s="66"/>
      <c r="AE244" s="66"/>
      <c r="AF244" s="66"/>
      <c r="AG244" s="66"/>
      <c r="AH244" s="66"/>
      <c r="AI244" s="66"/>
      <c r="AJ244" s="66"/>
      <c r="AK244" s="66"/>
      <c r="AL244" s="66"/>
      <c r="AM244" s="66"/>
      <c r="AN244" s="66"/>
      <c r="AO244" s="66"/>
      <c r="AP244" s="66"/>
      <c r="AQ244" s="66"/>
      <c r="AR244" s="66"/>
      <c r="AS244" s="66"/>
      <c r="AT244" s="66"/>
      <c r="AU244" s="66"/>
      <c r="AV244" s="66"/>
      <c r="AW244" s="66"/>
      <c r="AX244" s="66"/>
      <c r="AY244" s="66"/>
    </row>
    <row r="245" spans="1:72" s="113" customFormat="1" x14ac:dyDescent="0.15">
      <c r="A245" s="144"/>
      <c r="B245" s="17"/>
      <c r="C245" s="3"/>
      <c r="D245" s="3"/>
      <c r="E245" s="3"/>
      <c r="F245" s="3"/>
      <c r="G245" s="3"/>
      <c r="H245" s="198"/>
      <c r="I245" s="198"/>
      <c r="J245" s="64" t="s">
        <v>28</v>
      </c>
      <c r="K245" s="65"/>
      <c r="L245" s="9"/>
    </row>
    <row r="246" spans="1:72" s="113" customFormat="1" x14ac:dyDescent="0.15">
      <c r="A246" s="144"/>
      <c r="B246" s="1"/>
      <c r="C246" s="3"/>
      <c r="D246" s="3"/>
      <c r="E246" s="3"/>
      <c r="F246" s="3"/>
      <c r="G246" s="3"/>
      <c r="H246" s="198"/>
      <c r="I246" s="67" t="s">
        <v>29</v>
      </c>
      <c r="J246" s="118"/>
      <c r="K246" s="69"/>
      <c r="L246" s="9"/>
    </row>
    <row r="247" spans="1:72" s="113" customFormat="1" ht="17.25" customHeight="1" x14ac:dyDescent="0.15">
      <c r="A247" s="144"/>
      <c r="B247" s="119"/>
      <c r="C247" s="217" t="s">
        <v>199</v>
      </c>
      <c r="D247" s="218"/>
      <c r="E247" s="218"/>
      <c r="F247" s="218"/>
      <c r="G247" s="218"/>
      <c r="H247" s="240"/>
      <c r="I247" s="262" t="s">
        <v>207</v>
      </c>
      <c r="J247" s="204"/>
      <c r="K247" s="120"/>
      <c r="L247" s="9"/>
    </row>
    <row r="248" spans="1:72" s="113" customFormat="1" ht="17.25" customHeight="1" x14ac:dyDescent="0.15">
      <c r="A248" s="144"/>
      <c r="B248" s="121"/>
      <c r="C248" s="270"/>
      <c r="D248" s="271"/>
      <c r="E248" s="271"/>
      <c r="F248" s="271"/>
      <c r="G248" s="271"/>
      <c r="H248" s="272"/>
      <c r="I248" s="262"/>
      <c r="J248" s="122"/>
      <c r="K248" s="123"/>
      <c r="L248" s="9"/>
    </row>
    <row r="249" spans="1:72" s="113" customFormat="1" ht="17.25" customHeight="1" x14ac:dyDescent="0.15">
      <c r="A249" s="153" t="s">
        <v>271</v>
      </c>
      <c r="B249" s="121"/>
      <c r="C249" s="270"/>
      <c r="D249" s="271"/>
      <c r="E249" s="271"/>
      <c r="F249" s="271"/>
      <c r="G249" s="271"/>
      <c r="H249" s="272"/>
      <c r="I249" s="262"/>
      <c r="J249" s="124" t="s">
        <v>173</v>
      </c>
      <c r="K249" s="123"/>
      <c r="L249" s="9"/>
    </row>
    <row r="250" spans="1:72" s="113" customFormat="1" ht="17.25" customHeight="1" x14ac:dyDescent="0.15">
      <c r="A250" s="144"/>
      <c r="B250" s="121"/>
      <c r="C250" s="270"/>
      <c r="D250" s="271"/>
      <c r="E250" s="271"/>
      <c r="F250" s="271"/>
      <c r="G250" s="271"/>
      <c r="H250" s="272"/>
      <c r="I250" s="262"/>
      <c r="J250" s="205"/>
      <c r="K250" s="123"/>
      <c r="L250" s="9"/>
    </row>
    <row r="251" spans="1:72" s="113" customFormat="1" ht="17.25" customHeight="1" x14ac:dyDescent="0.15">
      <c r="A251" s="144"/>
      <c r="B251" s="121"/>
      <c r="C251" s="273"/>
      <c r="D251" s="274"/>
      <c r="E251" s="274"/>
      <c r="F251" s="274"/>
      <c r="G251" s="274"/>
      <c r="H251" s="275"/>
      <c r="I251" s="262"/>
      <c r="J251" s="125"/>
      <c r="K251" s="126"/>
      <c r="L251" s="9"/>
    </row>
    <row r="252" spans="1:72" s="75" customFormat="1" x14ac:dyDescent="0.15">
      <c r="A252" s="144"/>
      <c r="B252" s="17"/>
      <c r="C252" s="17"/>
      <c r="D252" s="17"/>
      <c r="E252" s="17"/>
      <c r="F252" s="17"/>
      <c r="G252" s="17"/>
      <c r="H252" s="13"/>
      <c r="I252" s="13"/>
      <c r="J252" s="73"/>
      <c r="K252" s="74"/>
      <c r="L252" s="81"/>
      <c r="M252" s="81"/>
      <c r="N252" s="81"/>
      <c r="O252" s="81"/>
      <c r="P252" s="81"/>
      <c r="Q252" s="81"/>
      <c r="R252" s="81"/>
      <c r="S252" s="81"/>
      <c r="T252" s="81"/>
      <c r="U252" s="81"/>
      <c r="V252" s="81"/>
      <c r="W252" s="81"/>
      <c r="X252" s="81"/>
      <c r="Y252" s="81"/>
      <c r="Z252" s="81"/>
      <c r="AA252" s="81"/>
      <c r="AB252" s="81"/>
      <c r="AC252" s="81"/>
      <c r="AD252" s="81"/>
      <c r="AE252" s="81"/>
      <c r="AF252" s="81"/>
      <c r="AG252" s="81"/>
      <c r="AH252" s="81"/>
      <c r="AI252" s="81"/>
      <c r="AJ252" s="81"/>
      <c r="AK252" s="81"/>
      <c r="AL252" s="81"/>
      <c r="AM252" s="81"/>
      <c r="AN252" s="81"/>
      <c r="AO252" s="81"/>
      <c r="AP252" s="81"/>
      <c r="AQ252" s="81"/>
      <c r="AR252" s="81"/>
      <c r="AS252" s="81"/>
      <c r="AT252" s="81"/>
      <c r="AU252" s="81"/>
      <c r="AV252" s="81"/>
      <c r="AW252" s="81"/>
      <c r="AX252" s="81"/>
      <c r="AY252" s="81"/>
    </row>
    <row r="253" spans="1:72" s="72" customFormat="1" x14ac:dyDescent="0.15">
      <c r="A253" s="144"/>
      <c r="B253" s="78"/>
      <c r="C253" s="60"/>
      <c r="D253" s="60"/>
      <c r="E253" s="60"/>
      <c r="F253" s="60"/>
      <c r="G253" s="60"/>
      <c r="H253" s="80"/>
      <c r="I253" s="189"/>
      <c r="J253" s="73"/>
      <c r="K253" s="74"/>
      <c r="L253" s="74"/>
      <c r="M253" s="74"/>
      <c r="N253" s="74"/>
      <c r="O253" s="74"/>
      <c r="P253" s="74"/>
      <c r="Q253" s="74"/>
      <c r="R253" s="74"/>
      <c r="S253" s="74"/>
      <c r="T253" s="74"/>
      <c r="U253" s="74"/>
      <c r="V253" s="74"/>
      <c r="W253" s="74"/>
      <c r="X253" s="74"/>
      <c r="Y253" s="74"/>
      <c r="Z253" s="74"/>
      <c r="AA253" s="74"/>
      <c r="AB253" s="74"/>
      <c r="AC253" s="74"/>
      <c r="AD253" s="74"/>
      <c r="AE253" s="74"/>
      <c r="AF253" s="74"/>
      <c r="AG253" s="74"/>
      <c r="AH253" s="74"/>
      <c r="AI253" s="74"/>
      <c r="AJ253" s="74"/>
      <c r="AK253" s="74"/>
      <c r="AL253" s="74"/>
      <c r="AM253" s="74"/>
      <c r="AN253" s="74"/>
      <c r="AO253" s="74"/>
      <c r="AP253" s="74"/>
      <c r="AQ253" s="74"/>
      <c r="AR253" s="74"/>
      <c r="AS253" s="74"/>
      <c r="AT253" s="74"/>
      <c r="AU253" s="74"/>
      <c r="AV253" s="74"/>
      <c r="AW253" s="74"/>
      <c r="AX253" s="74"/>
      <c r="AY253" s="74"/>
    </row>
    <row r="254" spans="1:72" s="72" customFormat="1" x14ac:dyDescent="0.15">
      <c r="A254" s="144"/>
      <c r="B254" s="90"/>
      <c r="C254" s="90"/>
      <c r="D254" s="60"/>
      <c r="E254" s="60"/>
      <c r="F254" s="60"/>
      <c r="G254" s="60"/>
      <c r="H254" s="80"/>
      <c r="I254" s="115" t="s">
        <v>187</v>
      </c>
      <c r="J254" s="73"/>
      <c r="K254" s="74"/>
      <c r="L254" s="74"/>
      <c r="M254" s="74"/>
      <c r="N254" s="74"/>
      <c r="O254" s="74"/>
      <c r="P254" s="74"/>
      <c r="Q254" s="74"/>
      <c r="R254" s="74"/>
      <c r="S254" s="74"/>
      <c r="T254" s="74"/>
      <c r="U254" s="74"/>
      <c r="V254" s="74"/>
      <c r="W254" s="74"/>
      <c r="X254" s="74"/>
      <c r="Y254" s="74"/>
      <c r="Z254" s="74"/>
      <c r="AA254" s="74"/>
      <c r="AB254" s="74"/>
      <c r="AC254" s="74"/>
      <c r="AD254" s="74"/>
      <c r="AE254" s="74"/>
      <c r="AF254" s="74"/>
      <c r="AG254" s="74"/>
      <c r="AH254" s="74"/>
      <c r="AI254" s="74"/>
      <c r="AJ254" s="74"/>
      <c r="AK254" s="74"/>
      <c r="AL254" s="74"/>
      <c r="AM254" s="74"/>
      <c r="AN254" s="74"/>
      <c r="AO254" s="74"/>
      <c r="AP254" s="74"/>
      <c r="AQ254" s="74"/>
      <c r="AR254" s="74"/>
      <c r="AS254" s="74"/>
      <c r="AT254" s="74"/>
      <c r="AU254" s="74"/>
      <c r="AV254" s="74"/>
      <c r="AW254" s="74"/>
      <c r="AX254" s="74"/>
      <c r="AY254" s="74"/>
    </row>
    <row r="255" spans="1:72" s="72" customFormat="1" x14ac:dyDescent="0.15">
      <c r="A255" s="144"/>
      <c r="B255" s="90"/>
      <c r="C255" s="90"/>
      <c r="D255" s="60"/>
      <c r="E255" s="60"/>
      <c r="F255" s="60"/>
      <c r="G255" s="60"/>
      <c r="H255" s="80"/>
      <c r="I255" s="189"/>
      <c r="J255" s="73"/>
      <c r="K255" s="74"/>
      <c r="L255" s="74"/>
      <c r="M255" s="74"/>
      <c r="N255" s="74"/>
      <c r="O255" s="74"/>
      <c r="P255" s="74"/>
      <c r="Q255" s="74"/>
      <c r="R255" s="74"/>
      <c r="S255" s="74"/>
      <c r="T255" s="74"/>
      <c r="U255" s="74"/>
      <c r="V255" s="74"/>
      <c r="W255" s="74"/>
      <c r="X255" s="74"/>
      <c r="Y255" s="74"/>
      <c r="Z255" s="74"/>
      <c r="AA255" s="74"/>
      <c r="AB255" s="74"/>
      <c r="AC255" s="74"/>
      <c r="AD255" s="74"/>
      <c r="AE255" s="74"/>
      <c r="AF255" s="74"/>
      <c r="AG255" s="74"/>
      <c r="AH255" s="74"/>
      <c r="AI255" s="74"/>
      <c r="AJ255" s="74"/>
      <c r="AK255" s="74"/>
      <c r="AL255" s="74"/>
      <c r="AM255" s="74"/>
      <c r="AN255" s="74"/>
      <c r="AO255" s="74"/>
      <c r="AP255" s="74"/>
      <c r="AQ255" s="74"/>
      <c r="AR255" s="74"/>
      <c r="AS255" s="74"/>
      <c r="AT255" s="74"/>
      <c r="AU255" s="74"/>
      <c r="AV255" s="74"/>
      <c r="AW255" s="74"/>
      <c r="AX255" s="74"/>
      <c r="AY255" s="74"/>
      <c r="AZ255" s="74"/>
      <c r="BA255" s="74"/>
      <c r="BB255" s="74"/>
      <c r="BC255" s="74"/>
      <c r="BD255" s="74"/>
      <c r="BE255" s="74"/>
      <c r="BF255" s="74"/>
      <c r="BG255" s="74"/>
      <c r="BH255" s="74"/>
      <c r="BI255" s="74"/>
      <c r="BJ255" s="74"/>
      <c r="BK255" s="74"/>
      <c r="BL255" s="74"/>
      <c r="BM255" s="74"/>
      <c r="BN255" s="74"/>
      <c r="BO255" s="74"/>
      <c r="BP255" s="74"/>
      <c r="BQ255" s="74"/>
      <c r="BR255" s="74"/>
      <c r="BS255" s="74"/>
    </row>
    <row r="256" spans="1:72" s="20" customFormat="1" x14ac:dyDescent="0.15">
      <c r="A256" s="144"/>
      <c r="B256" s="1"/>
      <c r="C256" s="50"/>
      <c r="D256" s="39"/>
      <c r="E256" s="39"/>
      <c r="F256" s="39"/>
      <c r="G256" s="39"/>
      <c r="H256" s="19"/>
      <c r="I256" s="189"/>
      <c r="J256" s="5"/>
      <c r="K256" s="6"/>
      <c r="L256" s="248"/>
      <c r="M256" s="248"/>
      <c r="N256" s="248"/>
      <c r="O256" s="248"/>
      <c r="P256" s="248"/>
      <c r="R256" s="48"/>
      <c r="S256" s="48"/>
      <c r="T256" s="48"/>
      <c r="U256" s="48"/>
      <c r="W256" s="48"/>
      <c r="X256" s="48"/>
      <c r="Y256" s="48"/>
      <c r="Z256" s="48"/>
      <c r="AB256" s="48"/>
      <c r="AC256" s="48"/>
      <c r="AD256" s="48"/>
      <c r="AE256" s="48"/>
      <c r="AG256" s="48"/>
      <c r="AH256" s="48"/>
      <c r="AI256" s="48"/>
      <c r="AJ256" s="48"/>
      <c r="AL256" s="48"/>
      <c r="AM256" s="48"/>
      <c r="AN256" s="48"/>
      <c r="AO256" s="48"/>
      <c r="AQ256" s="48"/>
      <c r="AR256" s="48"/>
      <c r="AS256" s="48"/>
      <c r="AT256" s="48"/>
      <c r="AV256" s="48"/>
      <c r="AW256" s="48"/>
      <c r="AX256" s="48"/>
      <c r="AY256" s="48"/>
      <c r="AZ256" s="48"/>
      <c r="BA256" s="48"/>
      <c r="BB256" s="48"/>
      <c r="BC256" s="48"/>
      <c r="BD256" s="48"/>
      <c r="BE256" s="48"/>
      <c r="BF256" s="48"/>
      <c r="BG256" s="48"/>
      <c r="BH256" s="48"/>
      <c r="BI256" s="48"/>
      <c r="BJ256" s="48"/>
      <c r="BK256" s="48"/>
      <c r="BL256" s="48"/>
      <c r="BM256" s="48"/>
      <c r="BN256" s="48"/>
      <c r="BO256" s="48"/>
      <c r="BP256" s="48"/>
      <c r="BQ256" s="48"/>
      <c r="BR256" s="48"/>
      <c r="BS256" s="48"/>
      <c r="BT256" s="9"/>
    </row>
    <row r="257" spans="1:72" s="20" customFormat="1" x14ac:dyDescent="0.15">
      <c r="A257" s="144"/>
      <c r="B257" s="1"/>
      <c r="C257" s="50"/>
      <c r="D257" s="39"/>
      <c r="E257" s="39"/>
      <c r="F257" s="39"/>
      <c r="G257" s="39"/>
      <c r="H257" s="19"/>
      <c r="I257" s="189"/>
      <c r="J257" s="5"/>
      <c r="K257" s="6"/>
      <c r="L257" s="248"/>
      <c r="M257" s="248"/>
      <c r="N257" s="248"/>
      <c r="O257" s="248"/>
      <c r="P257" s="248"/>
      <c r="R257" s="48"/>
      <c r="S257" s="48"/>
      <c r="T257" s="48"/>
      <c r="U257" s="48"/>
      <c r="W257" s="48"/>
      <c r="X257" s="48"/>
      <c r="Y257" s="48"/>
      <c r="Z257" s="48"/>
      <c r="AB257" s="48"/>
      <c r="AC257" s="48"/>
      <c r="AD257" s="48"/>
      <c r="AE257" s="48"/>
      <c r="AG257" s="48"/>
      <c r="AH257" s="48"/>
      <c r="AI257" s="48"/>
      <c r="AJ257" s="48"/>
      <c r="AL257" s="48"/>
      <c r="AM257" s="48"/>
      <c r="AN257" s="48"/>
      <c r="AO257" s="48"/>
      <c r="AQ257" s="48"/>
      <c r="AR257" s="48"/>
      <c r="AS257" s="48"/>
      <c r="AT257" s="48"/>
      <c r="AV257" s="48"/>
      <c r="AW257" s="48"/>
      <c r="AX257" s="48"/>
      <c r="AY257" s="48"/>
      <c r="AZ257" s="48"/>
      <c r="BA257" s="48"/>
      <c r="BB257" s="48"/>
      <c r="BC257" s="48"/>
      <c r="BD257" s="48"/>
      <c r="BE257" s="48"/>
      <c r="BF257" s="48"/>
      <c r="BG257" s="48"/>
      <c r="BH257" s="48"/>
      <c r="BI257" s="48"/>
      <c r="BJ257" s="48"/>
      <c r="BK257" s="48"/>
      <c r="BL257" s="48"/>
      <c r="BM257" s="48"/>
      <c r="BN257" s="48"/>
      <c r="BO257" s="48"/>
      <c r="BP257" s="48"/>
      <c r="BQ257" s="48"/>
      <c r="BR257" s="48"/>
      <c r="BS257" s="48"/>
      <c r="BT257" s="9"/>
    </row>
    <row r="258" spans="1:72" s="20" customFormat="1" x14ac:dyDescent="0.15">
      <c r="A258" s="144"/>
      <c r="B258" s="1"/>
      <c r="I258" s="189"/>
      <c r="J258" s="5"/>
      <c r="K258" s="6"/>
      <c r="L258" s="248"/>
      <c r="M258" s="248"/>
      <c r="N258" s="248"/>
      <c r="O258" s="248"/>
      <c r="P258" s="248"/>
      <c r="R258" s="33"/>
      <c r="S258" s="33"/>
      <c r="T258" s="33"/>
      <c r="U258" s="33"/>
      <c r="W258" s="33"/>
      <c r="X258" s="33"/>
      <c r="Y258" s="33"/>
      <c r="Z258" s="33"/>
      <c r="AB258" s="33"/>
      <c r="AC258" s="33"/>
      <c r="AD258" s="33"/>
      <c r="AE258" s="33"/>
      <c r="AG258" s="33"/>
      <c r="AH258" s="33"/>
      <c r="AI258" s="33"/>
      <c r="AJ258" s="33"/>
      <c r="AL258" s="33"/>
      <c r="AM258" s="33"/>
      <c r="AN258" s="33"/>
      <c r="AO258" s="33"/>
      <c r="AQ258" s="33"/>
      <c r="AR258" s="33"/>
      <c r="AS258" s="33"/>
      <c r="AT258" s="33"/>
      <c r="AV258" s="33"/>
      <c r="AW258" s="33"/>
      <c r="AX258" s="33"/>
      <c r="AY258" s="33"/>
      <c r="AZ258" s="33"/>
      <c r="BA258" s="33"/>
      <c r="BB258" s="33"/>
      <c r="BC258" s="33"/>
      <c r="BD258" s="33"/>
      <c r="BE258" s="33"/>
      <c r="BF258" s="33"/>
      <c r="BG258" s="33"/>
      <c r="BH258" s="33"/>
      <c r="BI258" s="33"/>
      <c r="BJ258" s="33"/>
      <c r="BK258" s="33"/>
      <c r="BL258" s="33"/>
      <c r="BM258" s="33"/>
      <c r="BN258" s="33"/>
      <c r="BO258" s="33"/>
      <c r="BP258" s="33"/>
      <c r="BQ258" s="33"/>
      <c r="BR258" s="33"/>
      <c r="BS258" s="33"/>
      <c r="BT258" s="9"/>
    </row>
    <row r="259" spans="1:72" s="20" customFormat="1" x14ac:dyDescent="0.15">
      <c r="A259" s="144"/>
      <c r="B259" s="1"/>
      <c r="I259" s="189"/>
      <c r="J259" s="5"/>
      <c r="K259" s="6"/>
      <c r="L259" s="248"/>
      <c r="M259" s="248"/>
      <c r="N259" s="248"/>
      <c r="O259" s="248"/>
      <c r="P259" s="248"/>
      <c r="R259" s="48"/>
      <c r="S259" s="48"/>
      <c r="T259" s="48"/>
      <c r="U259" s="48"/>
      <c r="W259" s="48"/>
      <c r="X259" s="48"/>
      <c r="Y259" s="48"/>
      <c r="Z259" s="48"/>
      <c r="AB259" s="48"/>
      <c r="AC259" s="48"/>
      <c r="AD259" s="48"/>
      <c r="AE259" s="48"/>
      <c r="AG259" s="48"/>
      <c r="AH259" s="48"/>
      <c r="AI259" s="48"/>
      <c r="AJ259" s="48"/>
      <c r="AL259" s="48"/>
      <c r="AM259" s="48"/>
      <c r="AN259" s="48"/>
      <c r="AO259" s="48"/>
      <c r="AQ259" s="48"/>
      <c r="AR259" s="48"/>
      <c r="AS259" s="48"/>
      <c r="AT259" s="48"/>
      <c r="AV259" s="48"/>
      <c r="AW259" s="48"/>
      <c r="AX259" s="48"/>
      <c r="AY259" s="48"/>
      <c r="AZ259" s="48"/>
      <c r="BA259" s="48"/>
      <c r="BB259" s="48"/>
      <c r="BC259" s="48"/>
      <c r="BD259" s="48"/>
      <c r="BE259" s="48"/>
      <c r="BF259" s="48"/>
      <c r="BG259" s="48"/>
      <c r="BH259" s="48"/>
      <c r="BI259" s="48"/>
      <c r="BJ259" s="48"/>
      <c r="BK259" s="48"/>
      <c r="BL259" s="48"/>
      <c r="BM259" s="48"/>
      <c r="BN259" s="48"/>
      <c r="BO259" s="48"/>
      <c r="BP259" s="48"/>
      <c r="BQ259" s="48"/>
      <c r="BR259" s="48"/>
      <c r="BS259" s="48"/>
      <c r="BT259" s="9"/>
    </row>
    <row r="260" spans="1:72" s="20" customFormat="1" x14ac:dyDescent="0.15">
      <c r="A260" s="144"/>
      <c r="B260" s="1"/>
      <c r="I260" s="189"/>
      <c r="J260" s="5"/>
      <c r="K260" s="6"/>
      <c r="L260" s="248"/>
      <c r="M260" s="248"/>
      <c r="N260" s="248"/>
      <c r="O260" s="248"/>
      <c r="P260" s="248"/>
      <c r="R260" s="33"/>
      <c r="S260" s="33"/>
      <c r="T260" s="33"/>
      <c r="U260" s="33"/>
      <c r="W260" s="33"/>
      <c r="X260" s="33"/>
      <c r="Y260" s="33"/>
      <c r="Z260" s="33"/>
      <c r="AB260" s="33"/>
      <c r="AC260" s="33"/>
      <c r="AD260" s="33"/>
      <c r="AE260" s="33"/>
      <c r="AG260" s="33"/>
      <c r="AH260" s="33"/>
      <c r="AI260" s="33"/>
      <c r="AJ260" s="33"/>
      <c r="AL260" s="33"/>
      <c r="AM260" s="33"/>
      <c r="AN260" s="33"/>
      <c r="AO260" s="33"/>
      <c r="AQ260" s="33"/>
      <c r="AR260" s="33"/>
      <c r="AS260" s="33"/>
      <c r="AT260" s="33"/>
      <c r="AV260" s="33"/>
      <c r="AW260" s="33"/>
      <c r="AX260" s="33"/>
      <c r="AY260" s="33"/>
      <c r="AZ260" s="33"/>
      <c r="BA260" s="33"/>
      <c r="BB260" s="33"/>
      <c r="BC260" s="33"/>
      <c r="BD260" s="33"/>
      <c r="BE260" s="33"/>
      <c r="BF260" s="33"/>
      <c r="BG260" s="33"/>
      <c r="BH260" s="33"/>
      <c r="BI260" s="33"/>
      <c r="BJ260" s="33"/>
      <c r="BK260" s="33"/>
      <c r="BL260" s="33"/>
      <c r="BM260" s="33"/>
      <c r="BN260" s="33"/>
      <c r="BO260" s="33"/>
      <c r="BP260" s="33"/>
      <c r="BQ260" s="33"/>
      <c r="BR260" s="33"/>
      <c r="BS260" s="33"/>
      <c r="BT260" s="9"/>
    </row>
    <row r="261" spans="1:72" s="20" customFormat="1" x14ac:dyDescent="0.15">
      <c r="A261" s="144"/>
      <c r="B261" s="1"/>
      <c r="I261" s="189"/>
      <c r="J261" s="5"/>
      <c r="K261" s="6"/>
      <c r="L261" s="248"/>
      <c r="M261" s="248"/>
      <c r="N261" s="248"/>
      <c r="O261" s="248"/>
      <c r="P261" s="248"/>
      <c r="R261" s="33"/>
      <c r="S261" s="33"/>
      <c r="T261" s="33"/>
      <c r="U261" s="33"/>
      <c r="W261" s="33"/>
      <c r="X261" s="33"/>
      <c r="Y261" s="33"/>
      <c r="Z261" s="33"/>
      <c r="AB261" s="33"/>
      <c r="AC261" s="33"/>
      <c r="AD261" s="33"/>
      <c r="AE261" s="33"/>
      <c r="AG261" s="33"/>
      <c r="AH261" s="33"/>
      <c r="AI261" s="33"/>
      <c r="AJ261" s="33"/>
      <c r="AL261" s="33"/>
      <c r="AM261" s="33"/>
      <c r="AN261" s="33"/>
      <c r="AO261" s="33"/>
      <c r="AQ261" s="33"/>
      <c r="AR261" s="33"/>
      <c r="AS261" s="33"/>
      <c r="AT261" s="33"/>
      <c r="AV261" s="33"/>
      <c r="AW261" s="33"/>
      <c r="AX261" s="33"/>
      <c r="AY261" s="33"/>
      <c r="AZ261" s="33"/>
      <c r="BA261" s="33"/>
      <c r="BB261" s="33"/>
      <c r="BC261" s="33"/>
      <c r="BD261" s="33"/>
      <c r="BE261" s="33"/>
      <c r="BF261" s="33"/>
      <c r="BG261" s="33"/>
      <c r="BH261" s="33"/>
      <c r="BI261" s="33"/>
      <c r="BJ261" s="33"/>
      <c r="BK261" s="33"/>
      <c r="BL261" s="33"/>
      <c r="BM261" s="33"/>
      <c r="BN261" s="33"/>
      <c r="BO261" s="33"/>
      <c r="BP261" s="33"/>
      <c r="BQ261" s="33"/>
      <c r="BR261" s="33"/>
      <c r="BS261" s="33"/>
      <c r="BT261" s="9"/>
    </row>
    <row r="262" spans="1:72" s="20" customFormat="1" x14ac:dyDescent="0.15">
      <c r="A262" s="144"/>
      <c r="B262" s="1"/>
      <c r="I262" s="4"/>
      <c r="J262" s="33"/>
      <c r="K262" s="34"/>
      <c r="L262" s="5"/>
      <c r="M262" s="5"/>
      <c r="N262" s="8"/>
      <c r="O262" s="8"/>
      <c r="P262" s="8"/>
      <c r="Q262" s="8"/>
      <c r="R262" s="8"/>
      <c r="S262" s="8"/>
      <c r="T262" s="8"/>
      <c r="U262" s="8"/>
      <c r="V262" s="8"/>
      <c r="W262" s="8"/>
      <c r="X262" s="8"/>
      <c r="Y262" s="8"/>
      <c r="Z262" s="8"/>
      <c r="AA262" s="8"/>
      <c r="AB262" s="8"/>
      <c r="AC262" s="8"/>
      <c r="AD262" s="8"/>
      <c r="AE262" s="8"/>
      <c r="AF262" s="8"/>
      <c r="AG262" s="8"/>
      <c r="AH262" s="8"/>
      <c r="AI262" s="8"/>
      <c r="AJ262" s="8"/>
      <c r="AK262" s="8"/>
      <c r="AL262" s="8"/>
      <c r="AM262" s="8"/>
      <c r="AN262" s="8"/>
      <c r="AO262" s="8"/>
      <c r="AP262" s="8"/>
      <c r="AQ262" s="8"/>
      <c r="AR262" s="8"/>
      <c r="AS262" s="8"/>
      <c r="AT262" s="8"/>
      <c r="AU262" s="8"/>
      <c r="AV262" s="8"/>
      <c r="AW262" s="8"/>
      <c r="AX262" s="8"/>
      <c r="AY262" s="8"/>
      <c r="AZ262" s="8"/>
      <c r="BA262" s="8"/>
      <c r="BB262" s="8"/>
      <c r="BC262" s="8"/>
      <c r="BD262" s="8"/>
      <c r="BE262" s="8"/>
      <c r="BF262" s="8"/>
      <c r="BG262" s="8"/>
      <c r="BH262" s="8"/>
      <c r="BI262" s="8"/>
      <c r="BJ262" s="8"/>
      <c r="BK262" s="8"/>
      <c r="BL262" s="8"/>
      <c r="BM262" s="8"/>
      <c r="BN262" s="8"/>
      <c r="BO262" s="8"/>
      <c r="BP262" s="8"/>
      <c r="BQ262" s="8"/>
      <c r="BR262" s="8"/>
      <c r="BS262" s="8"/>
      <c r="BT262" s="9"/>
    </row>
    <row r="263" spans="1:72" s="20" customFormat="1" x14ac:dyDescent="0.15">
      <c r="A263" s="144"/>
      <c r="B263" s="1"/>
      <c r="C263" s="189"/>
      <c r="D263" s="189"/>
      <c r="E263" s="189"/>
      <c r="F263" s="189"/>
      <c r="G263" s="189"/>
      <c r="H263" s="189"/>
      <c r="I263" s="4"/>
      <c r="J263" s="33"/>
      <c r="K263" s="34"/>
      <c r="L263" s="5"/>
      <c r="M263" s="5"/>
      <c r="N263" s="8"/>
      <c r="O263" s="8"/>
      <c r="P263" s="8"/>
      <c r="Q263" s="8"/>
      <c r="R263" s="8"/>
      <c r="S263" s="8"/>
      <c r="T263" s="8"/>
      <c r="U263" s="8"/>
      <c r="V263" s="8"/>
      <c r="W263" s="8"/>
      <c r="X263" s="8"/>
      <c r="Y263" s="8"/>
      <c r="Z263" s="8"/>
      <c r="AA263" s="8"/>
      <c r="AB263" s="8"/>
      <c r="AC263" s="8"/>
      <c r="AD263" s="8"/>
      <c r="AE263" s="8"/>
      <c r="AF263" s="8"/>
      <c r="AG263" s="8"/>
      <c r="AH263" s="8"/>
      <c r="AI263" s="8"/>
      <c r="AJ263" s="8"/>
      <c r="AK263" s="8"/>
      <c r="AL263" s="8"/>
      <c r="AM263" s="8"/>
      <c r="AN263" s="8"/>
      <c r="AO263" s="8"/>
      <c r="AP263" s="8"/>
      <c r="AQ263" s="8"/>
      <c r="AR263" s="8"/>
      <c r="AS263" s="8"/>
      <c r="AT263" s="8"/>
      <c r="AU263" s="8"/>
      <c r="AV263" s="8"/>
      <c r="AW263" s="8"/>
      <c r="AX263" s="8"/>
      <c r="AY263" s="8"/>
      <c r="AZ263" s="8"/>
      <c r="BA263" s="8"/>
      <c r="BB263" s="8"/>
      <c r="BC263" s="8"/>
      <c r="BD263" s="8"/>
      <c r="BE263" s="8"/>
      <c r="BF263" s="8"/>
      <c r="BG263" s="8"/>
      <c r="BH263" s="8"/>
      <c r="BI263" s="8"/>
      <c r="BJ263" s="8"/>
      <c r="BK263" s="8"/>
      <c r="BL263" s="8"/>
      <c r="BM263" s="8"/>
      <c r="BN263" s="8"/>
      <c r="BO263" s="8"/>
      <c r="BP263" s="8"/>
      <c r="BQ263" s="8"/>
      <c r="BR263" s="8"/>
      <c r="BS263" s="8"/>
      <c r="BT263" s="9"/>
    </row>
    <row r="264" spans="1:72" s="20" customFormat="1" x14ac:dyDescent="0.15">
      <c r="A264" s="144"/>
      <c r="B264" s="1"/>
      <c r="C264" s="37"/>
      <c r="D264" s="37"/>
      <c r="E264" s="37"/>
      <c r="F264" s="37"/>
      <c r="G264" s="37"/>
      <c r="H264" s="37"/>
      <c r="I264" s="37"/>
      <c r="J264" s="37"/>
      <c r="K264" s="49"/>
      <c r="L264" s="37"/>
      <c r="M264" s="37"/>
      <c r="N264" s="37"/>
      <c r="O264" s="37"/>
      <c r="P264" s="37"/>
      <c r="Q264" s="37"/>
      <c r="R264" s="37"/>
      <c r="S264" s="37"/>
      <c r="T264" s="37"/>
      <c r="U264" s="37"/>
      <c r="V264" s="37"/>
      <c r="W264" s="37"/>
      <c r="X264" s="37"/>
      <c r="Y264" s="37"/>
      <c r="Z264" s="37"/>
      <c r="AA264" s="37"/>
      <c r="AB264" s="37"/>
      <c r="AC264" s="37"/>
      <c r="AD264" s="37"/>
      <c r="AE264" s="37"/>
      <c r="AF264" s="37"/>
      <c r="AG264" s="37"/>
      <c r="AH264" s="37"/>
      <c r="AI264" s="37"/>
      <c r="AJ264" s="37"/>
      <c r="AK264" s="37"/>
      <c r="AL264" s="37"/>
      <c r="AM264" s="37"/>
      <c r="AN264" s="37"/>
      <c r="AO264" s="37"/>
      <c r="AP264" s="37"/>
      <c r="AQ264" s="37"/>
      <c r="AR264" s="37"/>
      <c r="AS264" s="37"/>
      <c r="AT264" s="37"/>
      <c r="AU264" s="37"/>
      <c r="AV264" s="37"/>
      <c r="AW264" s="37"/>
      <c r="AX264" s="37"/>
      <c r="AY264" s="37"/>
      <c r="AZ264" s="37"/>
      <c r="BA264" s="37"/>
      <c r="BB264" s="37"/>
      <c r="BC264" s="37"/>
      <c r="BD264" s="37"/>
      <c r="BE264" s="37"/>
      <c r="BF264" s="37"/>
      <c r="BG264" s="37"/>
      <c r="BH264" s="37"/>
      <c r="BI264" s="37"/>
      <c r="BJ264" s="37"/>
      <c r="BK264" s="37"/>
      <c r="BL264" s="37"/>
      <c r="BM264" s="37"/>
      <c r="BN264" s="37"/>
      <c r="BO264" s="37"/>
      <c r="BP264" s="37"/>
      <c r="BQ264" s="37"/>
      <c r="BR264" s="37"/>
      <c r="BS264" s="37"/>
      <c r="BT264" s="9"/>
    </row>
    <row r="265" spans="1:72" s="72" customFormat="1" ht="36.75" customHeight="1" x14ac:dyDescent="0.15">
      <c r="A265" s="144"/>
      <c r="B265" s="90"/>
      <c r="C265" s="90"/>
      <c r="D265" s="60"/>
      <c r="E265" s="60"/>
      <c r="F265" s="60"/>
      <c r="G265" s="60"/>
      <c r="H265" s="80"/>
      <c r="I265" s="80"/>
      <c r="J265" s="73"/>
      <c r="K265" s="74"/>
      <c r="L265" s="74"/>
      <c r="M265" s="74"/>
      <c r="N265" s="74"/>
      <c r="O265" s="74"/>
      <c r="P265" s="20"/>
      <c r="Q265" s="20"/>
      <c r="R265" s="20"/>
    </row>
    <row r="266" spans="1:72" s="75" customFormat="1" ht="19.5" x14ac:dyDescent="0.15">
      <c r="A266" s="144"/>
      <c r="B266" s="128" t="s">
        <v>129</v>
      </c>
      <c r="C266" s="129"/>
      <c r="D266" s="129"/>
      <c r="E266" s="56"/>
      <c r="F266" s="56"/>
      <c r="G266" s="56"/>
      <c r="H266" s="57"/>
      <c r="I266" s="57"/>
      <c r="J266" s="130"/>
      <c r="K266" s="58"/>
      <c r="L266" s="131"/>
      <c r="M266" s="131"/>
      <c r="N266" s="131"/>
      <c r="O266" s="131"/>
      <c r="P266" s="20"/>
      <c r="Q266" s="20"/>
      <c r="R266" s="20"/>
    </row>
    <row r="267" spans="1:72" s="75" customFormat="1" x14ac:dyDescent="0.15">
      <c r="A267" s="144"/>
      <c r="B267" s="111" t="s">
        <v>130</v>
      </c>
      <c r="C267" s="67"/>
      <c r="D267" s="67"/>
      <c r="E267" s="3"/>
      <c r="F267" s="3"/>
      <c r="G267" s="3"/>
      <c r="H267" s="198"/>
      <c r="I267" s="198"/>
      <c r="J267" s="77"/>
      <c r="K267" s="62"/>
      <c r="L267" s="82"/>
      <c r="M267" s="82"/>
      <c r="N267" s="82"/>
      <c r="O267" s="82"/>
      <c r="P267" s="20"/>
      <c r="Q267" s="20"/>
      <c r="R267" s="20"/>
    </row>
    <row r="268" spans="1:72" x14ac:dyDescent="0.15">
      <c r="A268" s="144"/>
      <c r="B268" s="17"/>
      <c r="C268" s="17"/>
      <c r="D268" s="17"/>
      <c r="E268" s="17"/>
      <c r="F268" s="17"/>
      <c r="G268" s="17"/>
      <c r="H268" s="13"/>
      <c r="I268" s="13"/>
      <c r="L268" s="82"/>
      <c r="M268" s="82"/>
      <c r="N268" s="82"/>
      <c r="O268" s="82"/>
      <c r="P268" s="20"/>
      <c r="Q268" s="20"/>
      <c r="R268" s="20"/>
    </row>
    <row r="269" spans="1:72" x14ac:dyDescent="0.15">
      <c r="A269" s="144"/>
      <c r="B269" s="17"/>
      <c r="C269" s="3"/>
      <c r="D269" s="3"/>
      <c r="F269" s="3"/>
      <c r="G269" s="3"/>
      <c r="H269" s="198"/>
      <c r="I269" s="198"/>
      <c r="J269" s="64" t="s">
        <v>28</v>
      </c>
      <c r="K269" s="65"/>
      <c r="L269" s="82"/>
      <c r="M269" s="82"/>
      <c r="N269" s="82"/>
      <c r="O269" s="82"/>
      <c r="P269" s="20"/>
      <c r="Q269" s="20"/>
      <c r="R269" s="20"/>
    </row>
    <row r="270" spans="1:72" x14ac:dyDescent="0.15">
      <c r="A270" s="144"/>
      <c r="B270" s="1"/>
      <c r="C270" s="3"/>
      <c r="D270" s="3"/>
      <c r="F270" s="3"/>
      <c r="G270" s="3"/>
      <c r="H270" s="198"/>
      <c r="I270" s="67" t="s">
        <v>29</v>
      </c>
      <c r="J270" s="68"/>
      <c r="K270" s="69"/>
      <c r="L270" s="82"/>
      <c r="M270" s="82"/>
      <c r="N270" s="82"/>
      <c r="O270" s="82"/>
      <c r="P270" s="20"/>
      <c r="Q270" s="20"/>
      <c r="R270" s="20"/>
    </row>
    <row r="271" spans="1:72" s="72" customFormat="1" ht="34.5" customHeight="1" x14ac:dyDescent="0.15">
      <c r="A271" s="153" t="s">
        <v>272</v>
      </c>
      <c r="B271" s="78"/>
      <c r="C271" s="258" t="s">
        <v>131</v>
      </c>
      <c r="D271" s="260" t="s">
        <v>132</v>
      </c>
      <c r="E271" s="261"/>
      <c r="F271" s="261"/>
      <c r="G271" s="261"/>
      <c r="H271" s="261"/>
      <c r="I271" s="262" t="s">
        <v>273</v>
      </c>
      <c r="J271" s="165">
        <v>278</v>
      </c>
      <c r="K271" s="99" t="str">
        <f>IF(OR(COUNTIF(J271,"未確認")&gt;0,COUNTIF(J271,"*")&gt;0),"※","")</f>
        <v/>
      </c>
      <c r="L271" s="82"/>
      <c r="M271" s="82"/>
      <c r="N271" s="82"/>
      <c r="O271" s="82"/>
      <c r="P271" s="20"/>
      <c r="Q271" s="20"/>
      <c r="R271" s="20"/>
    </row>
    <row r="272" spans="1:72" s="72" customFormat="1" ht="34.5" customHeight="1" x14ac:dyDescent="0.15">
      <c r="A272" s="153" t="s">
        <v>274</v>
      </c>
      <c r="B272" s="78"/>
      <c r="C272" s="259"/>
      <c r="D272" s="263"/>
      <c r="E272" s="226" t="s">
        <v>133</v>
      </c>
      <c r="F272" s="226"/>
      <c r="G272" s="226"/>
      <c r="H272" s="226"/>
      <c r="I272" s="262"/>
      <c r="J272" s="165">
        <v>0</v>
      </c>
      <c r="K272" s="99" t="str">
        <f>IF(OR(COUNTIF(J272,"未確認")&gt;0,COUNTIF(J272,"*")&gt;0),"※","")</f>
        <v/>
      </c>
      <c r="L272" s="82"/>
      <c r="M272" s="82"/>
      <c r="N272" s="82"/>
      <c r="O272" s="82"/>
      <c r="P272" s="20"/>
      <c r="Q272" s="20"/>
      <c r="R272" s="20"/>
    </row>
    <row r="273" spans="1:18" s="72" customFormat="1" ht="34.5" customHeight="1" x14ac:dyDescent="0.15">
      <c r="A273" s="153" t="s">
        <v>275</v>
      </c>
      <c r="B273" s="78"/>
      <c r="C273" s="259"/>
      <c r="D273" s="264"/>
      <c r="E273" s="260" t="s">
        <v>134</v>
      </c>
      <c r="F273" s="261"/>
      <c r="G273" s="261"/>
      <c r="H273" s="261"/>
      <c r="I273" s="262"/>
      <c r="J273" s="171">
        <v>0</v>
      </c>
      <c r="K273" s="99" t="str">
        <f>IF(OR(COUNTIF(J273,"未確認")&gt;0,COUNTIF(J273,"*")&gt;0),"※","")</f>
        <v/>
      </c>
      <c r="L273" s="82"/>
      <c r="M273" s="82"/>
      <c r="N273" s="82"/>
      <c r="O273" s="82"/>
      <c r="P273" s="20"/>
      <c r="Q273" s="20"/>
      <c r="R273" s="20"/>
    </row>
    <row r="274" spans="1:18" s="72" customFormat="1" ht="34.5" customHeight="1" x14ac:dyDescent="0.15">
      <c r="A274" s="153" t="s">
        <v>276</v>
      </c>
      <c r="B274" s="1"/>
      <c r="C274" s="259"/>
      <c r="D274" s="226" t="s">
        <v>135</v>
      </c>
      <c r="E274" s="227"/>
      <c r="F274" s="227"/>
      <c r="G274" s="227"/>
      <c r="H274" s="227"/>
      <c r="I274" s="262"/>
      <c r="J274" s="165">
        <v>279</v>
      </c>
      <c r="K274" s="99" t="str">
        <f>IF(OR(COUNTIF(J274,"未確認")&gt;0,COUNTIF(J274,"*")&gt;0),"※","")</f>
        <v/>
      </c>
      <c r="L274" s="82"/>
      <c r="M274" s="82"/>
      <c r="N274" s="82"/>
      <c r="O274" s="82"/>
      <c r="P274" s="20"/>
      <c r="Q274" s="20"/>
      <c r="R274" s="20"/>
    </row>
    <row r="275" spans="1:18" s="72" customFormat="1" ht="34.5" customHeight="1" x14ac:dyDescent="0.15">
      <c r="A275" s="153" t="s">
        <v>277</v>
      </c>
      <c r="B275" s="90"/>
      <c r="C275" s="259"/>
      <c r="D275" s="226" t="s">
        <v>136</v>
      </c>
      <c r="E275" s="227"/>
      <c r="F275" s="227"/>
      <c r="G275" s="227"/>
      <c r="H275" s="227"/>
      <c r="I275" s="262"/>
      <c r="J275" s="165">
        <v>274</v>
      </c>
      <c r="K275" s="99" t="str">
        <f>IF(OR(COUNTIF(J275,"未確認")&gt;0,COUNTIF(J275,"*")&gt;0),"※","")</f>
        <v/>
      </c>
      <c r="L275" s="82"/>
      <c r="M275" s="82"/>
      <c r="N275" s="82"/>
      <c r="O275" s="82"/>
      <c r="P275" s="20"/>
      <c r="Q275" s="20"/>
      <c r="R275" s="20"/>
    </row>
    <row r="276" spans="1:18" s="75" customFormat="1" x14ac:dyDescent="0.15">
      <c r="A276" s="144"/>
      <c r="B276" s="17"/>
      <c r="C276" s="17"/>
      <c r="D276" s="17"/>
      <c r="E276" s="17"/>
      <c r="F276" s="17"/>
      <c r="G276" s="17"/>
      <c r="H276" s="13"/>
      <c r="I276" s="198"/>
      <c r="J276" s="73"/>
      <c r="K276" s="74"/>
      <c r="L276" s="81"/>
      <c r="M276" s="81"/>
      <c r="N276" s="81"/>
      <c r="O276" s="81"/>
      <c r="P276" s="20"/>
      <c r="Q276" s="20"/>
      <c r="R276" s="20"/>
    </row>
    <row r="277" spans="1:18" s="72" customFormat="1" x14ac:dyDescent="0.15">
      <c r="A277" s="144"/>
      <c r="B277" s="78"/>
      <c r="C277" s="60"/>
      <c r="D277" s="60"/>
      <c r="E277" s="60"/>
      <c r="F277" s="60"/>
      <c r="G277" s="60"/>
      <c r="H277" s="80"/>
      <c r="I277" s="80"/>
      <c r="J277" s="73"/>
      <c r="K277" s="74"/>
      <c r="L277" s="74"/>
      <c r="M277" s="74"/>
      <c r="N277" s="74"/>
      <c r="O277" s="74"/>
      <c r="P277" s="20"/>
      <c r="Q277" s="20"/>
      <c r="R277" s="20"/>
    </row>
    <row r="278" spans="1:18" s="75" customFormat="1" x14ac:dyDescent="0.15">
      <c r="A278" s="144"/>
      <c r="B278" s="90"/>
      <c r="C278" s="132"/>
      <c r="D278" s="3"/>
      <c r="E278" s="3"/>
      <c r="F278" s="3"/>
      <c r="H278" s="198"/>
      <c r="I278" s="198"/>
      <c r="J278" s="77"/>
      <c r="K278" s="62"/>
      <c r="L278" s="82"/>
      <c r="M278" s="82"/>
      <c r="N278" s="82"/>
      <c r="O278" s="82"/>
      <c r="P278" s="20"/>
      <c r="Q278" s="20"/>
      <c r="R278" s="20"/>
    </row>
    <row r="279" spans="1:18" s="75" customFormat="1" x14ac:dyDescent="0.15">
      <c r="A279" s="144"/>
      <c r="B279" s="111" t="s">
        <v>183</v>
      </c>
      <c r="C279" s="85"/>
      <c r="D279" s="85"/>
      <c r="E279" s="85"/>
      <c r="F279" s="85"/>
      <c r="G279" s="85"/>
      <c r="H279" s="13"/>
      <c r="I279" s="13"/>
      <c r="J279" s="77"/>
      <c r="K279" s="62"/>
      <c r="L279" s="82"/>
      <c r="M279" s="82"/>
      <c r="N279" s="82"/>
      <c r="O279" s="82"/>
      <c r="P279" s="20"/>
      <c r="Q279" s="20"/>
      <c r="R279" s="20"/>
    </row>
    <row r="280" spans="1:18" x14ac:dyDescent="0.15">
      <c r="A280" s="144"/>
      <c r="B280" s="17"/>
      <c r="C280" s="17"/>
      <c r="D280" s="17"/>
      <c r="E280" s="17"/>
      <c r="F280" s="17"/>
      <c r="G280" s="17"/>
      <c r="H280" s="13"/>
      <c r="I280" s="13"/>
      <c r="L280" s="82"/>
      <c r="M280" s="82"/>
      <c r="N280" s="82"/>
      <c r="O280" s="82"/>
      <c r="P280" s="20"/>
      <c r="Q280" s="20"/>
      <c r="R280" s="20"/>
    </row>
    <row r="281" spans="1:18" x14ac:dyDescent="0.15">
      <c r="A281" s="144"/>
      <c r="B281" s="17"/>
      <c r="C281" s="3"/>
      <c r="D281" s="3"/>
      <c r="F281" s="3"/>
      <c r="G281" s="3"/>
      <c r="H281" s="198"/>
      <c r="I281" s="198"/>
      <c r="J281" s="64" t="s">
        <v>28</v>
      </c>
      <c r="K281" s="65"/>
      <c r="L281" s="66"/>
      <c r="M281" s="66"/>
      <c r="N281" s="66"/>
      <c r="O281" s="66"/>
      <c r="P281" s="20"/>
      <c r="Q281" s="20"/>
      <c r="R281" s="20"/>
    </row>
    <row r="282" spans="1:18" x14ac:dyDescent="0.15">
      <c r="A282" s="144"/>
      <c r="B282" s="1"/>
      <c r="C282" s="60"/>
      <c r="D282" s="3"/>
      <c r="F282" s="3"/>
      <c r="G282" s="3"/>
      <c r="H282" s="198"/>
      <c r="I282" s="67" t="s">
        <v>29</v>
      </c>
      <c r="J282" s="68"/>
      <c r="K282" s="69"/>
      <c r="L282" s="66"/>
      <c r="M282" s="66"/>
      <c r="N282" s="66"/>
      <c r="O282" s="66"/>
      <c r="P282" s="20"/>
      <c r="Q282" s="20"/>
      <c r="R282" s="20"/>
    </row>
    <row r="283" spans="1:18" s="72" customFormat="1" ht="34.5" customHeight="1" x14ac:dyDescent="0.15">
      <c r="A283" s="153" t="s">
        <v>278</v>
      </c>
      <c r="B283" s="90"/>
      <c r="C283" s="258" t="s">
        <v>148</v>
      </c>
      <c r="D283" s="226" t="s">
        <v>149</v>
      </c>
      <c r="E283" s="226"/>
      <c r="F283" s="226"/>
      <c r="G283" s="226"/>
      <c r="H283" s="226"/>
      <c r="I283" s="214" t="s">
        <v>279</v>
      </c>
      <c r="J283" s="165">
        <v>396</v>
      </c>
      <c r="K283" s="99" t="str">
        <f t="shared" ref="K283:K298" si="2">IF(OR(COUNTIF(J283,"未確認")&gt;0,COUNTIF(J283,"*")&gt;0),"※","")</f>
        <v/>
      </c>
      <c r="L283" s="66"/>
      <c r="M283" s="66"/>
      <c r="N283" s="66"/>
      <c r="O283" s="66"/>
      <c r="P283" s="20"/>
      <c r="Q283" s="20"/>
      <c r="R283" s="20"/>
    </row>
    <row r="284" spans="1:18" s="72" customFormat="1" ht="34.5" customHeight="1" x14ac:dyDescent="0.15">
      <c r="A284" s="153" t="s">
        <v>280</v>
      </c>
      <c r="B284" s="90"/>
      <c r="C284" s="258"/>
      <c r="D284" s="265" t="s">
        <v>137</v>
      </c>
      <c r="E284" s="267" t="s">
        <v>138</v>
      </c>
      <c r="F284" s="268"/>
      <c r="G284" s="268"/>
      <c r="H284" s="268"/>
      <c r="I284" s="241"/>
      <c r="J284" s="165">
        <v>278</v>
      </c>
      <c r="K284" s="99" t="str">
        <f t="shared" si="2"/>
        <v/>
      </c>
      <c r="L284" s="66"/>
      <c r="M284" s="66"/>
      <c r="N284" s="66"/>
      <c r="O284" s="66"/>
      <c r="P284" s="20"/>
      <c r="Q284" s="20"/>
      <c r="R284" s="20"/>
    </row>
    <row r="285" spans="1:18" s="72" customFormat="1" ht="34.5" customHeight="1" x14ac:dyDescent="0.15">
      <c r="A285" s="153" t="s">
        <v>281</v>
      </c>
      <c r="B285" s="90"/>
      <c r="C285" s="258"/>
      <c r="D285" s="258"/>
      <c r="E285" s="226" t="s">
        <v>139</v>
      </c>
      <c r="F285" s="247"/>
      <c r="G285" s="247"/>
      <c r="H285" s="247"/>
      <c r="I285" s="241"/>
      <c r="J285" s="165">
        <v>0</v>
      </c>
      <c r="K285" s="99" t="str">
        <f t="shared" si="2"/>
        <v/>
      </c>
      <c r="L285" s="66"/>
      <c r="M285" s="66"/>
      <c r="N285" s="66"/>
      <c r="O285" s="66"/>
      <c r="P285" s="20"/>
      <c r="Q285" s="20"/>
      <c r="R285" s="20"/>
    </row>
    <row r="286" spans="1:18" s="72" customFormat="1" ht="34.5" customHeight="1" x14ac:dyDescent="0.15">
      <c r="A286" s="153" t="s">
        <v>282</v>
      </c>
      <c r="B286" s="90"/>
      <c r="C286" s="258"/>
      <c r="D286" s="258"/>
      <c r="E286" s="230" t="s">
        <v>193</v>
      </c>
      <c r="F286" s="219"/>
      <c r="G286" s="219"/>
      <c r="H286" s="220"/>
      <c r="I286" s="241"/>
      <c r="J286" s="165">
        <v>0</v>
      </c>
      <c r="K286" s="99" t="str">
        <f t="shared" si="2"/>
        <v/>
      </c>
      <c r="L286" s="66"/>
      <c r="M286" s="66"/>
      <c r="N286" s="66"/>
      <c r="O286" s="66"/>
      <c r="P286" s="20"/>
      <c r="Q286" s="20"/>
      <c r="R286" s="20"/>
    </row>
    <row r="287" spans="1:18" s="72" customFormat="1" ht="34.5" customHeight="1" x14ac:dyDescent="0.15">
      <c r="A287" s="153" t="s">
        <v>283</v>
      </c>
      <c r="B287" s="90"/>
      <c r="C287" s="258"/>
      <c r="D287" s="258"/>
      <c r="E287" s="226" t="s">
        <v>184</v>
      </c>
      <c r="F287" s="246"/>
      <c r="G287" s="246"/>
      <c r="H287" s="246"/>
      <c r="I287" s="241"/>
      <c r="J287" s="165">
        <v>0</v>
      </c>
      <c r="K287" s="99" t="str">
        <f t="shared" si="2"/>
        <v/>
      </c>
      <c r="L287" s="66"/>
      <c r="M287" s="66"/>
      <c r="N287" s="66"/>
      <c r="O287" s="66"/>
      <c r="P287" s="20"/>
      <c r="Q287" s="20"/>
      <c r="R287" s="20"/>
    </row>
    <row r="288" spans="1:18" s="72" customFormat="1" ht="34.5" customHeight="1" x14ac:dyDescent="0.15">
      <c r="A288" s="153" t="s">
        <v>284</v>
      </c>
      <c r="B288" s="90"/>
      <c r="C288" s="258"/>
      <c r="D288" s="258"/>
      <c r="E288" s="226" t="s">
        <v>140</v>
      </c>
      <c r="F288" s="247"/>
      <c r="G288" s="247"/>
      <c r="H288" s="247"/>
      <c r="I288" s="241"/>
      <c r="J288" s="165">
        <v>118</v>
      </c>
      <c r="K288" s="99" t="str">
        <f t="shared" si="2"/>
        <v/>
      </c>
      <c r="L288" s="66"/>
      <c r="M288" s="66"/>
      <c r="N288" s="66"/>
      <c r="O288" s="66"/>
      <c r="P288" s="20"/>
      <c r="Q288" s="20"/>
      <c r="R288" s="20"/>
    </row>
    <row r="289" spans="1:18" s="72" customFormat="1" ht="34.5" customHeight="1" x14ac:dyDescent="0.15">
      <c r="A289" s="153" t="s">
        <v>285</v>
      </c>
      <c r="B289" s="90"/>
      <c r="C289" s="258"/>
      <c r="D289" s="266"/>
      <c r="E289" s="260" t="s">
        <v>55</v>
      </c>
      <c r="F289" s="269"/>
      <c r="G289" s="269"/>
      <c r="H289" s="269"/>
      <c r="I289" s="241"/>
      <c r="J289" s="165">
        <v>0</v>
      </c>
      <c r="K289" s="99" t="str">
        <f t="shared" si="2"/>
        <v/>
      </c>
      <c r="L289" s="66"/>
      <c r="M289" s="66"/>
      <c r="N289" s="66"/>
      <c r="O289" s="66"/>
      <c r="P289" s="20"/>
      <c r="Q289" s="20"/>
      <c r="R289" s="20"/>
    </row>
    <row r="290" spans="1:18" s="72" customFormat="1" ht="34.5" customHeight="1" x14ac:dyDescent="0.15">
      <c r="A290" s="153" t="s">
        <v>286</v>
      </c>
      <c r="B290" s="90"/>
      <c r="C290" s="258"/>
      <c r="D290" s="226" t="s">
        <v>150</v>
      </c>
      <c r="E290" s="247"/>
      <c r="F290" s="247"/>
      <c r="G290" s="247"/>
      <c r="H290" s="247"/>
      <c r="I290" s="241"/>
      <c r="J290" s="165">
        <v>274</v>
      </c>
      <c r="K290" s="99" t="str">
        <f t="shared" si="2"/>
        <v/>
      </c>
      <c r="L290" s="66"/>
      <c r="M290" s="66"/>
      <c r="N290" s="66"/>
      <c r="O290" s="66"/>
      <c r="P290" s="20"/>
      <c r="Q290" s="20"/>
      <c r="R290" s="20"/>
    </row>
    <row r="291" spans="1:18" s="72" customFormat="1" ht="34.5" customHeight="1" x14ac:dyDescent="0.15">
      <c r="A291" s="153" t="s">
        <v>287</v>
      </c>
      <c r="B291" s="90"/>
      <c r="C291" s="258"/>
      <c r="D291" s="265" t="s">
        <v>141</v>
      </c>
      <c r="E291" s="267" t="s">
        <v>142</v>
      </c>
      <c r="F291" s="268"/>
      <c r="G291" s="268"/>
      <c r="H291" s="268"/>
      <c r="I291" s="241"/>
      <c r="J291" s="165">
        <v>268</v>
      </c>
      <c r="K291" s="99" t="str">
        <f t="shared" si="2"/>
        <v/>
      </c>
      <c r="L291" s="66"/>
      <c r="M291" s="66"/>
      <c r="N291" s="66"/>
      <c r="O291" s="66"/>
      <c r="P291" s="20"/>
      <c r="Q291" s="20"/>
      <c r="R291" s="20"/>
    </row>
    <row r="292" spans="1:18" s="72" customFormat="1" ht="34.5" customHeight="1" x14ac:dyDescent="0.15">
      <c r="A292" s="153" t="s">
        <v>288</v>
      </c>
      <c r="B292" s="90"/>
      <c r="C292" s="258"/>
      <c r="D292" s="258"/>
      <c r="E292" s="226" t="s">
        <v>143</v>
      </c>
      <c r="F292" s="247"/>
      <c r="G292" s="247"/>
      <c r="H292" s="247"/>
      <c r="I292" s="241"/>
      <c r="J292" s="165">
        <v>6</v>
      </c>
      <c r="K292" s="99" t="str">
        <f t="shared" si="2"/>
        <v/>
      </c>
      <c r="L292" s="66"/>
      <c r="M292" s="66"/>
      <c r="N292" s="66"/>
      <c r="O292" s="66"/>
      <c r="P292" s="20"/>
      <c r="Q292" s="20"/>
      <c r="R292" s="20"/>
    </row>
    <row r="293" spans="1:18" s="72" customFormat="1" ht="34.5" customHeight="1" x14ac:dyDescent="0.15">
      <c r="A293" s="153" t="s">
        <v>289</v>
      </c>
      <c r="B293" s="90"/>
      <c r="C293" s="258"/>
      <c r="D293" s="258"/>
      <c r="E293" s="226" t="s">
        <v>144</v>
      </c>
      <c r="F293" s="247"/>
      <c r="G293" s="247"/>
      <c r="H293" s="247"/>
      <c r="I293" s="241"/>
      <c r="J293" s="165">
        <v>0</v>
      </c>
      <c r="K293" s="99" t="str">
        <f t="shared" si="2"/>
        <v/>
      </c>
      <c r="L293" s="66"/>
      <c r="M293" s="66"/>
      <c r="N293" s="66"/>
      <c r="O293" s="66"/>
      <c r="P293" s="20"/>
      <c r="Q293" s="20"/>
      <c r="R293" s="20"/>
    </row>
    <row r="294" spans="1:18" s="72" customFormat="1" ht="34.5" customHeight="1" x14ac:dyDescent="0.15">
      <c r="A294" s="153" t="s">
        <v>290</v>
      </c>
      <c r="B294" s="90"/>
      <c r="C294" s="258"/>
      <c r="D294" s="258"/>
      <c r="E294" s="226" t="s">
        <v>145</v>
      </c>
      <c r="F294" s="247"/>
      <c r="G294" s="247"/>
      <c r="H294" s="247"/>
      <c r="I294" s="241"/>
      <c r="J294" s="165">
        <v>0</v>
      </c>
      <c r="K294" s="99" t="str">
        <f t="shared" si="2"/>
        <v/>
      </c>
      <c r="L294" s="66"/>
      <c r="M294" s="66"/>
      <c r="N294" s="66"/>
      <c r="O294" s="66"/>
      <c r="P294" s="20"/>
      <c r="Q294" s="20"/>
      <c r="R294" s="20"/>
    </row>
    <row r="295" spans="1:18" s="72" customFormat="1" ht="34.5" customHeight="1" x14ac:dyDescent="0.15">
      <c r="A295" s="153" t="s">
        <v>291</v>
      </c>
      <c r="B295" s="90"/>
      <c r="C295" s="258"/>
      <c r="D295" s="258"/>
      <c r="E295" s="226" t="s">
        <v>185</v>
      </c>
      <c r="F295" s="246"/>
      <c r="G295" s="246"/>
      <c r="H295" s="246"/>
      <c r="I295" s="241"/>
      <c r="J295" s="165">
        <v>0</v>
      </c>
      <c r="K295" s="99" t="str">
        <f t="shared" si="2"/>
        <v/>
      </c>
      <c r="L295" s="66"/>
      <c r="M295" s="66"/>
      <c r="N295" s="66"/>
      <c r="O295" s="66"/>
      <c r="P295" s="20"/>
      <c r="Q295" s="20"/>
      <c r="R295" s="20"/>
    </row>
    <row r="296" spans="1:18" s="72" customFormat="1" ht="34.5" customHeight="1" x14ac:dyDescent="0.15">
      <c r="A296" s="153" t="s">
        <v>292</v>
      </c>
      <c r="B296" s="90"/>
      <c r="C296" s="258"/>
      <c r="D296" s="258"/>
      <c r="E296" s="226" t="s">
        <v>146</v>
      </c>
      <c r="F296" s="247"/>
      <c r="G296" s="247"/>
      <c r="H296" s="247"/>
      <c r="I296" s="241"/>
      <c r="J296" s="165">
        <v>0</v>
      </c>
      <c r="K296" s="99" t="str">
        <f t="shared" si="2"/>
        <v/>
      </c>
      <c r="L296" s="66"/>
      <c r="M296" s="66"/>
      <c r="N296" s="66"/>
      <c r="O296" s="66"/>
      <c r="P296" s="20"/>
      <c r="Q296" s="20"/>
      <c r="R296" s="20"/>
    </row>
    <row r="297" spans="1:18" s="72" customFormat="1" ht="34.5" customHeight="1" x14ac:dyDescent="0.15">
      <c r="A297" s="153" t="s">
        <v>293</v>
      </c>
      <c r="B297" s="90"/>
      <c r="C297" s="258"/>
      <c r="D297" s="258"/>
      <c r="E297" s="226" t="s">
        <v>147</v>
      </c>
      <c r="F297" s="247"/>
      <c r="G297" s="247"/>
      <c r="H297" s="247"/>
      <c r="I297" s="241"/>
      <c r="J297" s="165">
        <v>0</v>
      </c>
      <c r="K297" s="99" t="str">
        <f t="shared" si="2"/>
        <v/>
      </c>
      <c r="L297" s="66"/>
      <c r="M297" s="66"/>
      <c r="N297" s="66"/>
      <c r="O297" s="66"/>
      <c r="P297" s="20"/>
      <c r="Q297" s="20"/>
      <c r="R297" s="20"/>
    </row>
    <row r="298" spans="1:18" s="72" customFormat="1" ht="34.5" customHeight="1" x14ac:dyDescent="0.15">
      <c r="A298" s="153" t="s">
        <v>294</v>
      </c>
      <c r="B298" s="90"/>
      <c r="C298" s="258"/>
      <c r="D298" s="258"/>
      <c r="E298" s="226" t="s">
        <v>55</v>
      </c>
      <c r="F298" s="247"/>
      <c r="G298" s="247"/>
      <c r="H298" s="247"/>
      <c r="I298" s="242"/>
      <c r="J298" s="165">
        <v>0</v>
      </c>
      <c r="K298" s="99" t="str">
        <f t="shared" si="2"/>
        <v/>
      </c>
      <c r="L298" s="66"/>
      <c r="M298" s="66"/>
      <c r="N298" s="66"/>
      <c r="O298" s="66"/>
      <c r="P298" s="20"/>
      <c r="Q298" s="20"/>
      <c r="R298" s="20"/>
    </row>
    <row r="299" spans="1:18" s="75" customFormat="1" x14ac:dyDescent="0.15">
      <c r="A299" s="144"/>
      <c r="B299" s="17"/>
      <c r="C299" s="17"/>
      <c r="D299" s="17"/>
      <c r="E299" s="17"/>
      <c r="F299" s="17"/>
      <c r="G299" s="17"/>
      <c r="H299" s="13"/>
      <c r="I299" s="13"/>
      <c r="J299" s="73"/>
      <c r="K299" s="74"/>
      <c r="L299" s="81"/>
      <c r="M299" s="81"/>
      <c r="N299" s="81"/>
      <c r="O299" s="81"/>
      <c r="P299" s="20"/>
      <c r="Q299" s="20"/>
      <c r="R299" s="20"/>
    </row>
    <row r="300" spans="1:18" s="72" customFormat="1" x14ac:dyDescent="0.15">
      <c r="A300" s="144"/>
      <c r="B300" s="78"/>
      <c r="C300" s="60"/>
      <c r="D300" s="60"/>
      <c r="E300" s="60"/>
      <c r="F300" s="60"/>
      <c r="G300" s="60"/>
      <c r="H300" s="80"/>
      <c r="I300" s="80"/>
      <c r="J300" s="73"/>
      <c r="K300" s="74"/>
      <c r="L300" s="74"/>
      <c r="M300" s="74"/>
      <c r="N300" s="74"/>
      <c r="O300" s="74"/>
      <c r="P300" s="20"/>
      <c r="Q300" s="20"/>
      <c r="R300" s="20"/>
    </row>
    <row r="301" spans="1:18" s="3" customFormat="1" x14ac:dyDescent="0.15">
      <c r="A301" s="144"/>
      <c r="B301" s="90"/>
      <c r="C301" s="133"/>
      <c r="D301" s="132"/>
      <c r="H301" s="198"/>
      <c r="I301" s="198"/>
      <c r="J301" s="77"/>
      <c r="K301" s="62"/>
      <c r="L301" s="82"/>
      <c r="M301" s="82"/>
      <c r="N301" s="82"/>
      <c r="O301" s="82"/>
      <c r="P301" s="20"/>
      <c r="Q301" s="20"/>
      <c r="R301" s="20"/>
    </row>
    <row r="302" spans="1:18" s="3" customFormat="1" x14ac:dyDescent="0.15">
      <c r="A302" s="144"/>
      <c r="B302" s="17" t="s">
        <v>151</v>
      </c>
      <c r="C302" s="85"/>
      <c r="D302" s="85"/>
      <c r="E302" s="85"/>
      <c r="F302" s="85"/>
      <c r="G302" s="85"/>
      <c r="H302" s="13"/>
      <c r="I302" s="13"/>
      <c r="J302" s="77"/>
      <c r="K302" s="62"/>
      <c r="L302" s="82"/>
      <c r="M302" s="82"/>
      <c r="N302" s="82"/>
      <c r="O302" s="82"/>
      <c r="P302" s="20"/>
      <c r="Q302" s="20"/>
      <c r="R302" s="20"/>
    </row>
    <row r="303" spans="1:18" x14ac:dyDescent="0.15">
      <c r="A303" s="144"/>
      <c r="B303" s="17"/>
      <c r="C303" s="17"/>
      <c r="D303" s="17"/>
      <c r="E303" s="17"/>
      <c r="F303" s="17"/>
      <c r="G303" s="17"/>
      <c r="H303" s="13"/>
      <c r="I303" s="13"/>
      <c r="L303" s="82"/>
      <c r="M303" s="82"/>
      <c r="N303" s="82"/>
      <c r="O303" s="82"/>
      <c r="P303" s="20"/>
      <c r="Q303" s="20"/>
      <c r="R303" s="20"/>
    </row>
    <row r="304" spans="1:18" x14ac:dyDescent="0.15">
      <c r="A304" s="186"/>
      <c r="B304" s="17"/>
      <c r="C304" s="3"/>
      <c r="D304" s="3"/>
      <c r="F304" s="3"/>
      <c r="G304" s="3"/>
      <c r="H304" s="198"/>
      <c r="I304" s="198"/>
      <c r="J304" s="64" t="s">
        <v>28</v>
      </c>
      <c r="K304" s="65"/>
      <c r="L304" s="82"/>
      <c r="M304" s="82"/>
      <c r="N304" s="82"/>
      <c r="O304" s="82"/>
      <c r="P304" s="20"/>
      <c r="Q304" s="20"/>
      <c r="R304" s="20"/>
    </row>
    <row r="305" spans="1:18" x14ac:dyDescent="0.15">
      <c r="A305" s="154" t="s">
        <v>186</v>
      </c>
      <c r="B305" s="1"/>
      <c r="C305" s="60"/>
      <c r="D305" s="3"/>
      <c r="F305" s="3"/>
      <c r="G305" s="3"/>
      <c r="H305" s="198"/>
      <c r="I305" s="67" t="s">
        <v>29</v>
      </c>
      <c r="J305" s="68"/>
      <c r="K305" s="69"/>
      <c r="L305" s="82"/>
      <c r="M305" s="82"/>
      <c r="N305" s="82"/>
      <c r="O305" s="82"/>
      <c r="P305" s="20"/>
      <c r="Q305" s="20"/>
      <c r="R305" s="20"/>
    </row>
    <row r="306" spans="1:18" s="72" customFormat="1" ht="34.5" customHeight="1" x14ac:dyDescent="0.15">
      <c r="A306" s="156" t="s">
        <v>286</v>
      </c>
      <c r="B306" s="90"/>
      <c r="C306" s="217" t="s">
        <v>150</v>
      </c>
      <c r="D306" s="218"/>
      <c r="E306" s="218"/>
      <c r="F306" s="218"/>
      <c r="G306" s="218"/>
      <c r="H306" s="240"/>
      <c r="I306" s="214" t="s">
        <v>295</v>
      </c>
      <c r="J306" s="165">
        <v>274</v>
      </c>
      <c r="K306" s="99" t="str">
        <f>IF(OR(COUNTIF(J306,"未確認")&gt;0,COUNTIF(J306,"*")&gt;0),"※","")</f>
        <v/>
      </c>
      <c r="L306" s="82"/>
      <c r="M306" s="82"/>
      <c r="N306" s="82"/>
      <c r="O306" s="82"/>
      <c r="P306" s="20"/>
      <c r="Q306" s="20"/>
      <c r="R306" s="20"/>
    </row>
    <row r="307" spans="1:18" s="72" customFormat="1" ht="34.5" customHeight="1" x14ac:dyDescent="0.15">
      <c r="A307" s="155" t="s">
        <v>296</v>
      </c>
      <c r="B307" s="90"/>
      <c r="C307" s="134"/>
      <c r="D307" s="135"/>
      <c r="E307" s="243" t="s">
        <v>297</v>
      </c>
      <c r="F307" s="244"/>
      <c r="G307" s="244"/>
      <c r="H307" s="245"/>
      <c r="I307" s="241"/>
      <c r="J307" s="165">
        <v>0</v>
      </c>
      <c r="K307" s="99" t="str">
        <f>IF(OR(COUNTIF(J307,"未確認")&gt;0,COUNTIF(J307,"*")&gt;0),"※","")</f>
        <v/>
      </c>
      <c r="L307" s="82"/>
      <c r="M307" s="82"/>
      <c r="N307" s="82"/>
      <c r="O307" s="82"/>
      <c r="P307" s="20"/>
      <c r="Q307" s="20"/>
      <c r="R307" s="20"/>
    </row>
    <row r="308" spans="1:18" s="72" customFormat="1" ht="34.5" customHeight="1" x14ac:dyDescent="0.15">
      <c r="A308" s="155" t="s">
        <v>298</v>
      </c>
      <c r="B308" s="90"/>
      <c r="C308" s="134"/>
      <c r="D308" s="135"/>
      <c r="E308" s="243" t="s">
        <v>299</v>
      </c>
      <c r="F308" s="244"/>
      <c r="G308" s="244"/>
      <c r="H308" s="245"/>
      <c r="I308" s="241"/>
      <c r="J308" s="165">
        <v>0</v>
      </c>
      <c r="K308" s="99" t="str">
        <f>IF(OR(COUNTIF(J308,"未確認")&gt;0,COUNTIF(J308,"*")&gt;0),"※","")</f>
        <v/>
      </c>
      <c r="L308" s="82"/>
      <c r="M308" s="82"/>
      <c r="N308" s="82"/>
      <c r="O308" s="82"/>
      <c r="P308" s="20"/>
      <c r="Q308" s="20"/>
      <c r="R308" s="20"/>
    </row>
    <row r="309" spans="1:18" s="72" customFormat="1" ht="34.5" customHeight="1" x14ac:dyDescent="0.15">
      <c r="A309" s="155" t="s">
        <v>300</v>
      </c>
      <c r="B309" s="90"/>
      <c r="C309" s="134"/>
      <c r="D309" s="135"/>
      <c r="E309" s="243" t="s">
        <v>301</v>
      </c>
      <c r="F309" s="244"/>
      <c r="G309" s="244"/>
      <c r="H309" s="245"/>
      <c r="I309" s="241"/>
      <c r="J309" s="165">
        <v>274</v>
      </c>
      <c r="K309" s="99" t="str">
        <f>IF(OR(COUNTIF(J309,"未確認")&gt;0,COUNTIF(J309,"*")&gt;0),"※","")</f>
        <v/>
      </c>
      <c r="L309" s="82"/>
      <c r="M309" s="82"/>
      <c r="N309" s="82"/>
      <c r="O309" s="82"/>
      <c r="P309" s="20"/>
      <c r="Q309" s="20"/>
      <c r="R309" s="20"/>
    </row>
    <row r="310" spans="1:18" s="72" customFormat="1" ht="34.5" customHeight="1" x14ac:dyDescent="0.15">
      <c r="A310" s="153" t="s">
        <v>302</v>
      </c>
      <c r="B310" s="1"/>
      <c r="C310" s="136"/>
      <c r="D310" s="137"/>
      <c r="E310" s="243" t="s">
        <v>303</v>
      </c>
      <c r="F310" s="244"/>
      <c r="G310" s="244"/>
      <c r="H310" s="245"/>
      <c r="I310" s="242"/>
      <c r="J310" s="165">
        <v>0</v>
      </c>
      <c r="K310" s="99" t="str">
        <f>IF(OR(COUNTIF(J310,"未確認")&gt;0,COUNTIF(J310,"*")&gt;0),"※","")</f>
        <v/>
      </c>
      <c r="L310" s="82"/>
      <c r="M310" s="82"/>
      <c r="N310" s="82"/>
      <c r="O310" s="82"/>
      <c r="P310" s="20"/>
      <c r="Q310" s="20"/>
      <c r="R310" s="20"/>
    </row>
    <row r="311" spans="1:18" s="75" customFormat="1" x14ac:dyDescent="0.15">
      <c r="A311" s="144"/>
      <c r="B311" s="17"/>
      <c r="C311" s="17"/>
      <c r="D311" s="17"/>
      <c r="E311" s="17"/>
      <c r="F311" s="17"/>
      <c r="G311" s="17"/>
      <c r="H311" s="13"/>
      <c r="I311" s="13"/>
      <c r="J311" s="73"/>
      <c r="K311" s="74"/>
      <c r="L311" s="82"/>
      <c r="M311" s="82"/>
      <c r="N311" s="82"/>
      <c r="O311" s="82"/>
      <c r="P311" s="20"/>
      <c r="Q311" s="20"/>
      <c r="R311" s="20"/>
    </row>
    <row r="312" spans="1:18" s="72" customFormat="1" x14ac:dyDescent="0.15">
      <c r="A312" s="144"/>
      <c r="B312" s="78"/>
      <c r="C312" s="60"/>
      <c r="D312" s="60"/>
      <c r="E312" s="60"/>
      <c r="F312" s="60"/>
      <c r="G312" s="60"/>
      <c r="H312" s="80"/>
      <c r="I312" s="80"/>
      <c r="J312" s="73"/>
      <c r="K312" s="74"/>
      <c r="L312" s="82"/>
      <c r="M312" s="82"/>
      <c r="N312" s="82"/>
      <c r="O312" s="82"/>
      <c r="P312" s="20"/>
      <c r="Q312" s="20"/>
      <c r="R312" s="20"/>
    </row>
    <row r="313" spans="1:18" s="75" customFormat="1" x14ac:dyDescent="0.15">
      <c r="A313" s="144"/>
      <c r="B313" s="1"/>
      <c r="C313" s="3"/>
      <c r="D313" s="3"/>
      <c r="F313" s="3"/>
      <c r="G313" s="3"/>
      <c r="H313" s="198"/>
      <c r="I313" s="198"/>
      <c r="J313" s="77"/>
      <c r="K313" s="62"/>
      <c r="L313" s="82"/>
      <c r="M313" s="82"/>
      <c r="N313" s="82"/>
      <c r="O313" s="82"/>
      <c r="P313" s="20"/>
      <c r="Q313" s="20"/>
      <c r="R313" s="20"/>
    </row>
    <row r="314" spans="1:18" s="3" customFormat="1" x14ac:dyDescent="0.15">
      <c r="A314" s="144"/>
      <c r="B314" s="17" t="s">
        <v>152</v>
      </c>
      <c r="C314" s="85"/>
      <c r="D314" s="85"/>
      <c r="E314" s="85"/>
      <c r="F314" s="85"/>
      <c r="G314" s="85"/>
      <c r="H314" s="13"/>
      <c r="I314" s="13"/>
      <c r="J314" s="77"/>
      <c r="K314" s="62"/>
      <c r="L314" s="82"/>
      <c r="M314" s="82"/>
      <c r="N314" s="82"/>
      <c r="O314" s="82"/>
      <c r="P314" s="20"/>
      <c r="Q314" s="20"/>
      <c r="R314" s="20"/>
    </row>
    <row r="315" spans="1:18" x14ac:dyDescent="0.15">
      <c r="A315" s="144"/>
      <c r="B315" s="17"/>
      <c r="C315" s="17"/>
      <c r="D315" s="17"/>
      <c r="E315" s="17"/>
      <c r="F315" s="17"/>
      <c r="G315" s="17"/>
      <c r="H315" s="13"/>
      <c r="I315" s="13"/>
      <c r="L315" s="82"/>
      <c r="M315" s="82"/>
      <c r="N315" s="82"/>
      <c r="O315" s="82"/>
      <c r="P315" s="20"/>
      <c r="Q315" s="20"/>
      <c r="R315" s="20"/>
    </row>
    <row r="316" spans="1:18" s="75" customFormat="1" x14ac:dyDescent="0.15">
      <c r="A316" s="144"/>
      <c r="B316" s="17"/>
      <c r="C316" s="3"/>
      <c r="D316" s="3"/>
      <c r="E316" s="3"/>
      <c r="F316" s="3"/>
      <c r="G316" s="3"/>
      <c r="H316" s="198"/>
      <c r="I316" s="198"/>
      <c r="J316" s="64" t="s">
        <v>28</v>
      </c>
      <c r="K316" s="65"/>
      <c r="L316" s="82"/>
      <c r="M316" s="82"/>
      <c r="N316" s="82"/>
      <c r="O316" s="82"/>
      <c r="P316" s="20"/>
      <c r="Q316" s="20"/>
      <c r="R316" s="20"/>
    </row>
    <row r="317" spans="1:18" s="75" customFormat="1" x14ac:dyDescent="0.15">
      <c r="A317" s="144"/>
      <c r="B317" s="1"/>
      <c r="C317" s="3"/>
      <c r="D317" s="3"/>
      <c r="E317" s="3"/>
      <c r="F317" s="3"/>
      <c r="G317" s="3"/>
      <c r="H317" s="198"/>
      <c r="I317" s="67" t="s">
        <v>29</v>
      </c>
      <c r="J317" s="68"/>
      <c r="K317" s="69"/>
      <c r="L317" s="82"/>
      <c r="M317" s="82"/>
      <c r="N317" s="82"/>
      <c r="O317" s="82"/>
      <c r="P317" s="20"/>
      <c r="Q317" s="20"/>
      <c r="R317" s="20"/>
    </row>
    <row r="318" spans="1:18" s="75" customFormat="1" ht="34.5" customHeight="1" x14ac:dyDescent="0.15">
      <c r="A318" s="153" t="s">
        <v>304</v>
      </c>
      <c r="B318" s="1"/>
      <c r="C318" s="249" t="s">
        <v>200</v>
      </c>
      <c r="D318" s="249"/>
      <c r="E318" s="249"/>
      <c r="F318" s="249"/>
      <c r="G318" s="249"/>
      <c r="H318" s="249"/>
      <c r="I318" s="236" t="s">
        <v>153</v>
      </c>
      <c r="J318" s="165">
        <v>11</v>
      </c>
      <c r="K318" s="99" t="str">
        <f>IF(OR(COUNTIF(J318,"未確認")&gt;0,COUNTIF(J318,"*")&gt;0),"※","")</f>
        <v/>
      </c>
      <c r="L318" s="77"/>
      <c r="M318" s="176"/>
      <c r="N318" s="82"/>
      <c r="O318" s="82"/>
      <c r="P318" s="20"/>
      <c r="Q318" s="20"/>
      <c r="R318" s="20"/>
    </row>
    <row r="319" spans="1:18" s="75" customFormat="1" ht="34.5" customHeight="1" x14ac:dyDescent="0.15">
      <c r="A319" s="153" t="s">
        <v>305</v>
      </c>
      <c r="B319" s="1"/>
      <c r="C319" s="249" t="s">
        <v>201</v>
      </c>
      <c r="D319" s="250"/>
      <c r="E319" s="250"/>
      <c r="F319" s="250"/>
      <c r="G319" s="250"/>
      <c r="H319" s="250"/>
      <c r="I319" s="235"/>
      <c r="J319" s="165">
        <v>0</v>
      </c>
      <c r="K319" s="99" t="str">
        <f>IF(OR(COUNTIF(J319,"未確認")&gt;0,COUNTIF(J319,"*")&gt;0),"※","")</f>
        <v/>
      </c>
      <c r="L319" s="77"/>
      <c r="M319" s="176"/>
      <c r="N319" s="82"/>
      <c r="O319" s="82"/>
      <c r="P319" s="20"/>
      <c r="Q319" s="20"/>
      <c r="R319" s="20"/>
    </row>
    <row r="320" spans="1:18" s="75" customFormat="1" x14ac:dyDescent="0.15">
      <c r="A320" s="144"/>
      <c r="B320" s="17"/>
      <c r="C320" s="17"/>
      <c r="D320" s="17"/>
      <c r="E320" s="17"/>
      <c r="F320" s="17"/>
      <c r="G320" s="17"/>
      <c r="H320" s="13"/>
      <c r="I320" s="13"/>
      <c r="J320" s="73"/>
      <c r="K320" s="74"/>
      <c r="L320" s="82"/>
      <c r="M320" s="82"/>
      <c r="N320" s="82"/>
      <c r="O320" s="82"/>
      <c r="P320" s="20"/>
      <c r="Q320" s="20"/>
      <c r="R320" s="20"/>
    </row>
    <row r="321" spans="1:71" s="72" customFormat="1" x14ac:dyDescent="0.15">
      <c r="A321" s="144"/>
      <c r="B321" s="78"/>
      <c r="C321" s="60"/>
      <c r="D321" s="60"/>
      <c r="E321" s="60"/>
      <c r="F321" s="60"/>
      <c r="G321" s="60"/>
      <c r="H321" s="80"/>
      <c r="I321" s="80"/>
      <c r="J321" s="73"/>
      <c r="K321" s="74"/>
      <c r="L321" s="82"/>
      <c r="M321" s="82"/>
      <c r="N321" s="82"/>
      <c r="O321" s="82"/>
      <c r="P321" s="20"/>
      <c r="Q321" s="20"/>
      <c r="R321" s="20"/>
    </row>
    <row r="322" spans="1:71" s="75" customFormat="1" x14ac:dyDescent="0.15">
      <c r="A322" s="144"/>
      <c r="B322" s="1"/>
      <c r="C322" s="138"/>
      <c r="D322" s="3"/>
      <c r="E322" s="3"/>
      <c r="F322" s="3"/>
      <c r="G322" s="3"/>
      <c r="H322" s="139"/>
      <c r="I322" s="139"/>
      <c r="J322" s="77"/>
      <c r="K322" s="62"/>
      <c r="L322" s="82"/>
      <c r="M322" s="82"/>
      <c r="N322" s="82"/>
      <c r="O322" s="82"/>
      <c r="P322" s="20"/>
      <c r="Q322" s="20"/>
      <c r="R322" s="20"/>
    </row>
    <row r="323" spans="1:71" s="3" customFormat="1" x14ac:dyDescent="0.15">
      <c r="A323" s="144"/>
      <c r="B323" s="17" t="s">
        <v>154</v>
      </c>
      <c r="C323" s="85"/>
      <c r="D323" s="85"/>
      <c r="E323" s="85"/>
      <c r="F323" s="85"/>
      <c r="G323" s="85"/>
      <c r="H323" s="13"/>
      <c r="I323" s="13"/>
      <c r="J323" s="77"/>
      <c r="K323" s="62"/>
      <c r="L323" s="82"/>
      <c r="M323" s="82"/>
      <c r="N323" s="82"/>
      <c r="O323" s="82"/>
      <c r="P323" s="20"/>
      <c r="Q323" s="20"/>
      <c r="R323" s="20"/>
    </row>
    <row r="324" spans="1:71" x14ac:dyDescent="0.15">
      <c r="A324" s="144"/>
      <c r="B324" s="17"/>
      <c r="C324" s="17"/>
      <c r="D324" s="17"/>
      <c r="E324" s="17"/>
      <c r="F324" s="17"/>
      <c r="G324" s="17"/>
      <c r="H324" s="13"/>
      <c r="I324" s="13"/>
      <c r="L324" s="82"/>
      <c r="M324" s="82"/>
      <c r="N324" s="82"/>
      <c r="O324" s="82"/>
      <c r="P324" s="20"/>
      <c r="Q324" s="20"/>
      <c r="R324" s="20"/>
    </row>
    <row r="325" spans="1:71" x14ac:dyDescent="0.15">
      <c r="A325" s="144"/>
      <c r="B325" s="17"/>
      <c r="C325" s="3"/>
      <c r="D325" s="3"/>
      <c r="F325" s="3"/>
      <c r="G325" s="3"/>
      <c r="H325" s="198"/>
      <c r="I325" s="198"/>
      <c r="J325" s="64" t="s">
        <v>28</v>
      </c>
      <c r="K325" s="65"/>
      <c r="L325" s="82"/>
      <c r="M325" s="82"/>
      <c r="N325" s="82"/>
      <c r="O325" s="82"/>
      <c r="P325" s="20"/>
      <c r="Q325" s="20"/>
      <c r="R325" s="20"/>
    </row>
    <row r="326" spans="1:71" x14ac:dyDescent="0.15">
      <c r="A326" s="144"/>
      <c r="B326" s="1"/>
      <c r="C326" s="3"/>
      <c r="D326" s="3"/>
      <c r="F326" s="3"/>
      <c r="G326" s="3"/>
      <c r="H326" s="198"/>
      <c r="I326" s="67" t="s">
        <v>29</v>
      </c>
      <c r="J326" s="68"/>
      <c r="K326" s="69"/>
      <c r="L326" s="82"/>
      <c r="M326" s="82"/>
      <c r="N326" s="82"/>
      <c r="O326" s="82"/>
      <c r="P326" s="20"/>
      <c r="Q326" s="20"/>
      <c r="R326" s="20"/>
    </row>
    <row r="327" spans="1:71" s="72" customFormat="1" ht="34.5" customHeight="1" x14ac:dyDescent="0.15">
      <c r="A327" s="153" t="s">
        <v>306</v>
      </c>
      <c r="B327" s="90"/>
      <c r="C327" s="251" t="s">
        <v>307</v>
      </c>
      <c r="D327" s="228"/>
      <c r="E327" s="228"/>
      <c r="F327" s="228"/>
      <c r="G327" s="228"/>
      <c r="H327" s="229"/>
      <c r="I327" s="236" t="s">
        <v>308</v>
      </c>
      <c r="J327" s="165" t="s">
        <v>339</v>
      </c>
      <c r="K327" s="99" t="str">
        <f t="shared" ref="K327:K332" si="3">IF(OR(COUNTIF(J327,"未確認")&gt;0,COUNTIF(J327,"*")&gt;0),"※","")</f>
        <v>※</v>
      </c>
      <c r="L327" s="82"/>
      <c r="M327" s="82"/>
      <c r="N327" s="82"/>
      <c r="O327" s="82"/>
      <c r="P327" s="20"/>
      <c r="Q327" s="20"/>
      <c r="R327" s="20"/>
    </row>
    <row r="328" spans="1:71" s="72" customFormat="1" ht="34.5" customHeight="1" x14ac:dyDescent="0.15">
      <c r="A328" s="153" t="s">
        <v>309</v>
      </c>
      <c r="B328" s="90"/>
      <c r="C328" s="134"/>
      <c r="D328" s="140"/>
      <c r="E328" s="230" t="s">
        <v>155</v>
      </c>
      <c r="F328" s="219"/>
      <c r="G328" s="219"/>
      <c r="H328" s="220"/>
      <c r="I328" s="252"/>
      <c r="J328" s="165" t="s">
        <v>339</v>
      </c>
      <c r="K328" s="99" t="str">
        <f t="shared" si="3"/>
        <v>※</v>
      </c>
      <c r="L328" s="82"/>
      <c r="M328" s="175"/>
      <c r="N328" s="82"/>
      <c r="O328" s="82"/>
      <c r="P328" s="20"/>
      <c r="Q328" s="20"/>
      <c r="R328" s="20"/>
    </row>
    <row r="329" spans="1:71" s="72" customFormat="1" ht="34.5" customHeight="1" x14ac:dyDescent="0.15">
      <c r="A329" s="153" t="s">
        <v>310</v>
      </c>
      <c r="B329" s="90"/>
      <c r="C329" s="136"/>
      <c r="D329" s="141"/>
      <c r="E329" s="230" t="s">
        <v>156</v>
      </c>
      <c r="F329" s="253"/>
      <c r="G329" s="253"/>
      <c r="H329" s="254"/>
      <c r="I329" s="252"/>
      <c r="J329" s="165">
        <v>0</v>
      </c>
      <c r="K329" s="99" t="str">
        <f t="shared" si="3"/>
        <v/>
      </c>
      <c r="L329" s="82"/>
      <c r="M329" s="82"/>
      <c r="N329" s="82"/>
      <c r="O329" s="82"/>
      <c r="P329" s="20"/>
      <c r="Q329" s="20"/>
      <c r="R329" s="20"/>
    </row>
    <row r="330" spans="1:71" s="72" customFormat="1" ht="34.5" customHeight="1" x14ac:dyDescent="0.15">
      <c r="A330" s="153" t="s">
        <v>311</v>
      </c>
      <c r="B330" s="90"/>
      <c r="C330" s="255" t="s">
        <v>312</v>
      </c>
      <c r="D330" s="256"/>
      <c r="E330" s="256"/>
      <c r="F330" s="256"/>
      <c r="G330" s="256"/>
      <c r="H330" s="257"/>
      <c r="I330" s="252"/>
      <c r="J330" s="172">
        <v>0</v>
      </c>
      <c r="K330" s="99" t="str">
        <f t="shared" si="3"/>
        <v/>
      </c>
      <c r="L330" s="82"/>
      <c r="M330" s="82"/>
      <c r="N330" s="82"/>
      <c r="O330" s="82"/>
      <c r="P330" s="20"/>
      <c r="Q330" s="20"/>
      <c r="R330" s="20"/>
    </row>
    <row r="331" spans="1:71" s="72" customFormat="1" ht="34.5" customHeight="1" x14ac:dyDescent="0.15">
      <c r="A331" s="153" t="s">
        <v>313</v>
      </c>
      <c r="B331" s="90"/>
      <c r="C331" s="134"/>
      <c r="D331" s="140"/>
      <c r="E331" s="230" t="s">
        <v>157</v>
      </c>
      <c r="F331" s="219"/>
      <c r="G331" s="219"/>
      <c r="H331" s="220"/>
      <c r="I331" s="252"/>
      <c r="J331" s="165">
        <v>0</v>
      </c>
      <c r="K331" s="99" t="str">
        <f t="shared" si="3"/>
        <v/>
      </c>
      <c r="L331" s="82"/>
      <c r="M331" s="82"/>
      <c r="N331" s="82"/>
      <c r="O331" s="82"/>
      <c r="P331" s="20"/>
      <c r="Q331" s="20"/>
      <c r="R331" s="20"/>
    </row>
    <row r="332" spans="1:71" s="72" customFormat="1" ht="34.5" customHeight="1" x14ac:dyDescent="0.15">
      <c r="A332" s="153" t="s">
        <v>314</v>
      </c>
      <c r="B332" s="90"/>
      <c r="C332" s="136"/>
      <c r="D332" s="141"/>
      <c r="E332" s="230" t="s">
        <v>158</v>
      </c>
      <c r="F332" s="253"/>
      <c r="G332" s="253"/>
      <c r="H332" s="254"/>
      <c r="I332" s="237"/>
      <c r="J332" s="165">
        <v>0</v>
      </c>
      <c r="K332" s="99" t="str">
        <f t="shared" si="3"/>
        <v/>
      </c>
      <c r="L332" s="82"/>
      <c r="M332" s="82"/>
      <c r="N332" s="82"/>
      <c r="O332" s="82"/>
      <c r="P332" s="20"/>
      <c r="Q332" s="20"/>
      <c r="R332" s="20"/>
    </row>
    <row r="333" spans="1:71" s="75" customFormat="1" ht="17.25" customHeight="1" x14ac:dyDescent="0.15">
      <c r="A333" s="144"/>
      <c r="B333" s="17"/>
      <c r="C333" s="17"/>
      <c r="D333" s="17"/>
      <c r="E333" s="17"/>
      <c r="F333" s="17"/>
      <c r="G333" s="17"/>
      <c r="H333" s="13"/>
      <c r="I333" s="13"/>
      <c r="J333" s="73"/>
      <c r="K333" s="74"/>
      <c r="L333" s="82"/>
      <c r="M333" s="82"/>
      <c r="N333" s="82"/>
      <c r="O333" s="82"/>
      <c r="P333" s="20"/>
      <c r="Q333" s="20"/>
      <c r="R333" s="20"/>
    </row>
    <row r="334" spans="1:71" s="72" customFormat="1" x14ac:dyDescent="0.15">
      <c r="A334" s="144"/>
      <c r="B334" s="90"/>
      <c r="C334" s="90"/>
      <c r="D334" s="60"/>
      <c r="E334" s="60"/>
      <c r="F334" s="60"/>
      <c r="G334" s="60"/>
      <c r="H334" s="80"/>
      <c r="I334" s="115"/>
      <c r="J334" s="73"/>
      <c r="K334" s="74"/>
      <c r="L334" s="74"/>
      <c r="M334" s="74"/>
      <c r="N334" s="74"/>
      <c r="O334" s="74"/>
      <c r="P334" s="74"/>
      <c r="Q334" s="74"/>
      <c r="R334" s="74"/>
      <c r="S334" s="74"/>
      <c r="T334" s="74"/>
      <c r="U334" s="74"/>
      <c r="V334" s="74"/>
      <c r="W334" s="74"/>
      <c r="X334" s="74"/>
      <c r="Y334" s="74"/>
      <c r="Z334" s="74"/>
      <c r="AA334" s="74"/>
      <c r="AB334" s="74"/>
      <c r="AC334" s="74"/>
      <c r="AD334" s="74"/>
      <c r="AE334" s="74"/>
      <c r="AF334" s="74"/>
      <c r="AG334" s="74"/>
      <c r="AH334" s="74"/>
      <c r="AI334" s="74"/>
      <c r="AJ334" s="74"/>
      <c r="AK334" s="74"/>
      <c r="AL334" s="74"/>
      <c r="AM334" s="74"/>
      <c r="AN334" s="74"/>
      <c r="AO334" s="74"/>
      <c r="AP334" s="74"/>
      <c r="AQ334" s="74"/>
      <c r="AR334" s="74"/>
      <c r="AS334" s="74"/>
      <c r="AT334" s="74"/>
      <c r="AU334" s="74"/>
      <c r="AV334" s="74"/>
      <c r="AW334" s="74"/>
      <c r="AX334" s="74"/>
      <c r="AY334" s="74"/>
    </row>
    <row r="335" spans="1:71" s="72" customFormat="1" x14ac:dyDescent="0.15">
      <c r="A335" s="144"/>
      <c r="B335" s="90"/>
      <c r="C335" s="90"/>
      <c r="D335" s="60"/>
      <c r="E335" s="60"/>
      <c r="F335" s="60"/>
      <c r="G335" s="60"/>
      <c r="H335" s="80"/>
      <c r="I335" s="115" t="s">
        <v>187</v>
      </c>
      <c r="J335" s="73"/>
      <c r="K335" s="74"/>
      <c r="L335" s="74"/>
      <c r="M335" s="74"/>
      <c r="N335" s="74"/>
      <c r="O335" s="74"/>
      <c r="P335" s="74"/>
      <c r="Q335" s="74"/>
      <c r="R335" s="74"/>
      <c r="S335" s="74"/>
      <c r="T335" s="74"/>
      <c r="U335" s="74"/>
      <c r="V335" s="74"/>
      <c r="W335" s="74"/>
      <c r="X335" s="74"/>
      <c r="Y335" s="74"/>
      <c r="Z335" s="74"/>
      <c r="AA335" s="74"/>
      <c r="AB335" s="74"/>
      <c r="AC335" s="74"/>
      <c r="AD335" s="74"/>
      <c r="AE335" s="74"/>
      <c r="AF335" s="74"/>
      <c r="AG335" s="74"/>
      <c r="AH335" s="74"/>
      <c r="AI335" s="74"/>
      <c r="AJ335" s="74"/>
      <c r="AK335" s="74"/>
      <c r="AL335" s="74"/>
      <c r="AM335" s="74"/>
      <c r="AN335" s="74"/>
      <c r="AO335" s="74"/>
      <c r="AP335" s="74"/>
      <c r="AQ335" s="74"/>
      <c r="AR335" s="74"/>
      <c r="AS335" s="74"/>
      <c r="AT335" s="74"/>
      <c r="AU335" s="74"/>
      <c r="AV335" s="74"/>
      <c r="AW335" s="74"/>
      <c r="AX335" s="74"/>
      <c r="AY335" s="74"/>
    </row>
    <row r="336" spans="1:71" s="72" customFormat="1" x14ac:dyDescent="0.15">
      <c r="A336" s="144"/>
      <c r="B336" s="90"/>
      <c r="C336" s="90"/>
      <c r="D336" s="60"/>
      <c r="E336" s="60"/>
      <c r="F336" s="60"/>
      <c r="G336" s="60"/>
      <c r="H336" s="80"/>
      <c r="I336" s="80"/>
      <c r="J336" s="73"/>
      <c r="K336" s="74"/>
      <c r="L336" s="74"/>
      <c r="M336" s="74"/>
      <c r="N336" s="74"/>
      <c r="O336" s="74"/>
      <c r="P336" s="74"/>
      <c r="Q336" s="74"/>
      <c r="R336" s="74"/>
      <c r="S336" s="74"/>
      <c r="T336" s="74"/>
      <c r="U336" s="74"/>
      <c r="V336" s="74"/>
      <c r="W336" s="74"/>
      <c r="X336" s="74"/>
      <c r="Y336" s="74"/>
      <c r="Z336" s="74"/>
      <c r="AA336" s="74"/>
      <c r="AB336" s="74"/>
      <c r="AC336" s="74"/>
      <c r="AD336" s="74"/>
      <c r="AE336" s="74"/>
      <c r="AF336" s="74"/>
      <c r="AG336" s="74"/>
      <c r="AH336" s="74"/>
      <c r="AI336" s="74"/>
      <c r="AJ336" s="74"/>
      <c r="AK336" s="74"/>
      <c r="AL336" s="74"/>
      <c r="AM336" s="74"/>
      <c r="AN336" s="74"/>
      <c r="AO336" s="74"/>
      <c r="AP336" s="74"/>
      <c r="AQ336" s="74"/>
      <c r="AR336" s="74"/>
      <c r="AS336" s="74"/>
      <c r="AT336" s="74"/>
      <c r="AU336" s="74"/>
      <c r="AV336" s="74"/>
      <c r="AW336" s="74"/>
      <c r="AX336" s="74"/>
      <c r="AY336" s="74"/>
      <c r="AZ336" s="74"/>
      <c r="BA336" s="74"/>
      <c r="BB336" s="74"/>
      <c r="BC336" s="74"/>
      <c r="BD336" s="74"/>
      <c r="BE336" s="74"/>
      <c r="BF336" s="74"/>
      <c r="BG336" s="74"/>
      <c r="BH336" s="74"/>
      <c r="BI336" s="74"/>
      <c r="BJ336" s="74"/>
      <c r="BK336" s="74"/>
      <c r="BL336" s="74"/>
      <c r="BM336" s="74"/>
      <c r="BN336" s="74"/>
      <c r="BO336" s="74"/>
      <c r="BP336" s="74"/>
      <c r="BQ336" s="74"/>
      <c r="BR336" s="74"/>
      <c r="BS336" s="74"/>
    </row>
    <row r="337" spans="1:72" s="20" customFormat="1" x14ac:dyDescent="0.15">
      <c r="A337" s="144"/>
      <c r="B337" s="1"/>
      <c r="C337" s="50"/>
      <c r="D337" s="39"/>
      <c r="E337" s="39"/>
      <c r="F337" s="39"/>
      <c r="G337" s="39"/>
      <c r="H337" s="19"/>
      <c r="I337" s="189"/>
      <c r="J337" s="5"/>
      <c r="K337" s="6"/>
      <c r="L337" s="248"/>
      <c r="M337" s="248"/>
      <c r="N337" s="248"/>
      <c r="O337" s="248"/>
      <c r="P337" s="248"/>
      <c r="R337" s="48"/>
      <c r="S337" s="48"/>
      <c r="T337" s="48"/>
      <c r="U337" s="48"/>
      <c r="W337" s="48"/>
      <c r="X337" s="48"/>
      <c r="Y337" s="48"/>
      <c r="Z337" s="48"/>
      <c r="AB337" s="48"/>
      <c r="AC337" s="48"/>
      <c r="AD337" s="48"/>
      <c r="AE337" s="48"/>
      <c r="AG337" s="48"/>
      <c r="AH337" s="48"/>
      <c r="AI337" s="48"/>
      <c r="AJ337" s="48"/>
      <c r="AL337" s="48"/>
      <c r="AM337" s="48"/>
      <c r="AN337" s="48"/>
      <c r="AO337" s="48"/>
      <c r="AQ337" s="48"/>
      <c r="AR337" s="48"/>
      <c r="AS337" s="48"/>
      <c r="AT337" s="48"/>
      <c r="AV337" s="48"/>
      <c r="AW337" s="48"/>
      <c r="AX337" s="48"/>
      <c r="AY337" s="48"/>
      <c r="AZ337" s="48"/>
      <c r="BA337" s="48"/>
      <c r="BB337" s="48"/>
      <c r="BC337" s="48"/>
      <c r="BD337" s="48"/>
      <c r="BE337" s="48"/>
      <c r="BF337" s="48"/>
      <c r="BG337" s="48"/>
      <c r="BH337" s="48"/>
      <c r="BI337" s="48"/>
      <c r="BJ337" s="48"/>
      <c r="BK337" s="48"/>
      <c r="BL337" s="48"/>
      <c r="BM337" s="48"/>
      <c r="BN337" s="48"/>
      <c r="BO337" s="48"/>
      <c r="BP337" s="48"/>
      <c r="BQ337" s="48"/>
      <c r="BR337" s="48"/>
      <c r="BS337" s="48"/>
      <c r="BT337" s="9"/>
    </row>
    <row r="338" spans="1:72" s="20" customFormat="1" x14ac:dyDescent="0.15">
      <c r="A338" s="144"/>
      <c r="B338" s="1"/>
      <c r="C338" s="50"/>
      <c r="D338" s="39"/>
      <c r="E338" s="39"/>
      <c r="F338" s="39"/>
      <c r="G338" s="39"/>
      <c r="H338" s="19"/>
      <c r="I338" s="189"/>
      <c r="J338" s="5"/>
      <c r="K338" s="6"/>
      <c r="L338" s="248"/>
      <c r="M338" s="248"/>
      <c r="N338" s="248"/>
      <c r="O338" s="248"/>
      <c r="P338" s="248"/>
      <c r="R338" s="48"/>
      <c r="S338" s="48"/>
      <c r="T338" s="48"/>
      <c r="U338" s="48"/>
      <c r="W338" s="48"/>
      <c r="X338" s="48"/>
      <c r="Y338" s="48"/>
      <c r="Z338" s="48"/>
      <c r="AB338" s="48"/>
      <c r="AC338" s="48"/>
      <c r="AD338" s="48"/>
      <c r="AE338" s="48"/>
      <c r="AG338" s="48"/>
      <c r="AH338" s="48"/>
      <c r="AI338" s="48"/>
      <c r="AJ338" s="48"/>
      <c r="AL338" s="48"/>
      <c r="AM338" s="48"/>
      <c r="AN338" s="48"/>
      <c r="AO338" s="48"/>
      <c r="AQ338" s="48"/>
      <c r="AR338" s="48"/>
      <c r="AS338" s="48"/>
      <c r="AT338" s="48"/>
      <c r="AV338" s="48"/>
      <c r="AW338" s="48"/>
      <c r="AX338" s="48"/>
      <c r="AY338" s="48"/>
      <c r="AZ338" s="48"/>
      <c r="BA338" s="48"/>
      <c r="BB338" s="48"/>
      <c r="BC338" s="48"/>
      <c r="BD338" s="48"/>
      <c r="BE338" s="48"/>
      <c r="BF338" s="48"/>
      <c r="BG338" s="48"/>
      <c r="BH338" s="48"/>
      <c r="BI338" s="48"/>
      <c r="BJ338" s="48"/>
      <c r="BK338" s="48"/>
      <c r="BL338" s="48"/>
      <c r="BM338" s="48"/>
      <c r="BN338" s="48"/>
      <c r="BO338" s="48"/>
      <c r="BP338" s="48"/>
      <c r="BQ338" s="48"/>
      <c r="BR338" s="48"/>
      <c r="BS338" s="48"/>
      <c r="BT338" s="9"/>
    </row>
    <row r="339" spans="1:72" s="20" customFormat="1" x14ac:dyDescent="0.15">
      <c r="A339" s="144"/>
      <c r="B339" s="1"/>
      <c r="L339" s="248"/>
      <c r="M339" s="248"/>
      <c r="N339" s="248"/>
      <c r="O339" s="248"/>
      <c r="P339" s="248"/>
      <c r="R339" s="33"/>
      <c r="S339" s="33"/>
      <c r="T339" s="33"/>
      <c r="U339" s="33"/>
      <c r="W339" s="33"/>
      <c r="X339" s="33"/>
      <c r="Y339" s="33"/>
      <c r="Z339" s="33"/>
      <c r="AB339" s="33"/>
      <c r="AC339" s="33"/>
      <c r="AD339" s="33"/>
      <c r="AE339" s="33"/>
      <c r="AG339" s="33"/>
      <c r="AH339" s="33"/>
      <c r="AI339" s="33"/>
      <c r="AJ339" s="33"/>
      <c r="AL339" s="33"/>
      <c r="AM339" s="33"/>
      <c r="AN339" s="33"/>
      <c r="AO339" s="33"/>
      <c r="AQ339" s="33"/>
      <c r="AR339" s="33"/>
      <c r="AS339" s="33"/>
      <c r="AT339" s="33"/>
      <c r="AV339" s="33"/>
      <c r="AW339" s="33"/>
      <c r="AX339" s="33"/>
      <c r="AY339" s="33"/>
      <c r="AZ339" s="33"/>
      <c r="BA339" s="33"/>
      <c r="BB339" s="33"/>
      <c r="BC339" s="33"/>
      <c r="BD339" s="33"/>
      <c r="BE339" s="33"/>
      <c r="BF339" s="33"/>
      <c r="BG339" s="33"/>
      <c r="BH339" s="33"/>
      <c r="BI339" s="33"/>
      <c r="BJ339" s="33"/>
      <c r="BK339" s="33"/>
      <c r="BL339" s="33"/>
      <c r="BM339" s="33"/>
      <c r="BN339" s="33"/>
      <c r="BO339" s="33"/>
      <c r="BP339" s="33"/>
      <c r="BQ339" s="33"/>
      <c r="BR339" s="33"/>
      <c r="BS339" s="33"/>
      <c r="BT339" s="9"/>
    </row>
    <row r="340" spans="1:72" s="20" customFormat="1" x14ac:dyDescent="0.15">
      <c r="A340" s="144"/>
      <c r="B340" s="1"/>
      <c r="L340" s="248"/>
      <c r="M340" s="248"/>
      <c r="N340" s="248"/>
      <c r="O340" s="248"/>
      <c r="P340" s="248"/>
      <c r="R340" s="48"/>
      <c r="S340" s="48"/>
      <c r="T340" s="48"/>
      <c r="U340" s="48"/>
      <c r="W340" s="48"/>
      <c r="X340" s="48"/>
      <c r="Y340" s="48"/>
      <c r="Z340" s="48"/>
      <c r="AB340" s="48"/>
      <c r="AC340" s="48"/>
      <c r="AD340" s="48"/>
      <c r="AE340" s="48"/>
      <c r="AG340" s="48"/>
      <c r="AH340" s="48"/>
      <c r="AI340" s="48"/>
      <c r="AJ340" s="48"/>
      <c r="AL340" s="48"/>
      <c r="AM340" s="48"/>
      <c r="AN340" s="48"/>
      <c r="AO340" s="48"/>
      <c r="AQ340" s="48"/>
      <c r="AR340" s="48"/>
      <c r="AS340" s="48"/>
      <c r="AT340" s="48"/>
      <c r="AV340" s="48"/>
      <c r="AW340" s="48"/>
      <c r="AX340" s="48"/>
      <c r="AY340" s="48"/>
      <c r="AZ340" s="48"/>
      <c r="BA340" s="48"/>
      <c r="BB340" s="48"/>
      <c r="BC340" s="48"/>
      <c r="BD340" s="48"/>
      <c r="BE340" s="48"/>
      <c r="BF340" s="48"/>
      <c r="BG340" s="48"/>
      <c r="BH340" s="48"/>
      <c r="BI340" s="48"/>
      <c r="BJ340" s="48"/>
      <c r="BK340" s="48"/>
      <c r="BL340" s="48"/>
      <c r="BM340" s="48"/>
      <c r="BN340" s="48"/>
      <c r="BO340" s="48"/>
      <c r="BP340" s="48"/>
      <c r="BQ340" s="48"/>
      <c r="BR340" s="48"/>
      <c r="BS340" s="48"/>
      <c r="BT340" s="9"/>
    </row>
    <row r="341" spans="1:72" s="20" customFormat="1" x14ac:dyDescent="0.15">
      <c r="A341" s="144"/>
      <c r="B341" s="1"/>
      <c r="L341" s="248"/>
      <c r="M341" s="248"/>
      <c r="N341" s="248"/>
      <c r="O341" s="248"/>
      <c r="P341" s="248"/>
      <c r="R341" s="33"/>
      <c r="S341" s="33"/>
      <c r="T341" s="33"/>
      <c r="U341" s="33"/>
      <c r="W341" s="33"/>
      <c r="X341" s="33"/>
      <c r="Y341" s="33"/>
      <c r="Z341" s="33"/>
      <c r="AB341" s="33"/>
      <c r="AC341" s="33"/>
      <c r="AD341" s="33"/>
      <c r="AE341" s="33"/>
      <c r="AG341" s="33"/>
      <c r="AH341" s="33"/>
      <c r="AI341" s="33"/>
      <c r="AJ341" s="33"/>
      <c r="AL341" s="33"/>
      <c r="AM341" s="33"/>
      <c r="AN341" s="33"/>
      <c r="AO341" s="33"/>
      <c r="AQ341" s="33"/>
      <c r="AR341" s="33"/>
      <c r="AS341" s="33"/>
      <c r="AT341" s="33"/>
      <c r="AV341" s="33"/>
      <c r="AW341" s="33"/>
      <c r="AX341" s="33"/>
      <c r="AY341" s="33"/>
      <c r="AZ341" s="33"/>
      <c r="BA341" s="33"/>
      <c r="BB341" s="33"/>
      <c r="BC341" s="33"/>
      <c r="BD341" s="33"/>
      <c r="BE341" s="33"/>
      <c r="BF341" s="33"/>
      <c r="BG341" s="33"/>
      <c r="BH341" s="33"/>
      <c r="BI341" s="33"/>
      <c r="BJ341" s="33"/>
      <c r="BK341" s="33"/>
      <c r="BL341" s="33"/>
      <c r="BM341" s="33"/>
      <c r="BN341" s="33"/>
      <c r="BO341" s="33"/>
      <c r="BP341" s="33"/>
      <c r="BQ341" s="33"/>
      <c r="BR341" s="33"/>
      <c r="BS341" s="33"/>
      <c r="BT341" s="9"/>
    </row>
    <row r="342" spans="1:72" s="20" customFormat="1" x14ac:dyDescent="0.15">
      <c r="A342" s="144"/>
      <c r="B342" s="1"/>
      <c r="L342" s="248"/>
      <c r="M342" s="248"/>
      <c r="N342" s="248"/>
      <c r="O342" s="248"/>
      <c r="P342" s="248"/>
      <c r="R342" s="33"/>
      <c r="S342" s="33"/>
      <c r="T342" s="33"/>
      <c r="U342" s="33"/>
      <c r="W342" s="33"/>
      <c r="X342" s="33"/>
      <c r="Y342" s="33"/>
      <c r="Z342" s="33"/>
      <c r="AB342" s="33"/>
      <c r="AC342" s="33"/>
      <c r="AD342" s="33"/>
      <c r="AE342" s="33"/>
      <c r="AG342" s="33"/>
      <c r="AH342" s="33"/>
      <c r="AI342" s="33"/>
      <c r="AJ342" s="33"/>
      <c r="AL342" s="33"/>
      <c r="AM342" s="33"/>
      <c r="AN342" s="33"/>
      <c r="AO342" s="33"/>
      <c r="AQ342" s="33"/>
      <c r="AR342" s="33"/>
      <c r="AS342" s="33"/>
      <c r="AT342" s="33"/>
      <c r="AV342" s="33"/>
      <c r="AW342" s="33"/>
      <c r="AX342" s="33"/>
      <c r="AY342" s="33"/>
      <c r="AZ342" s="33"/>
      <c r="BA342" s="33"/>
      <c r="BB342" s="33"/>
      <c r="BC342" s="33"/>
      <c r="BD342" s="33"/>
      <c r="BE342" s="33"/>
      <c r="BF342" s="33"/>
      <c r="BG342" s="33"/>
      <c r="BH342" s="33"/>
      <c r="BI342" s="33"/>
      <c r="BJ342" s="33"/>
      <c r="BK342" s="33"/>
      <c r="BL342" s="33"/>
      <c r="BM342" s="33"/>
      <c r="BN342" s="33"/>
      <c r="BO342" s="33"/>
      <c r="BP342" s="33"/>
      <c r="BQ342" s="33"/>
      <c r="BR342" s="33"/>
      <c r="BS342" s="33"/>
      <c r="BT342" s="9"/>
    </row>
    <row r="343" spans="1:72" s="20" customFormat="1" x14ac:dyDescent="0.15">
      <c r="A343" s="144"/>
      <c r="B343" s="1"/>
      <c r="L343" s="5"/>
      <c r="M343" s="5"/>
      <c r="N343" s="8"/>
      <c r="O343" s="8"/>
      <c r="P343" s="8"/>
      <c r="Q343" s="8"/>
      <c r="R343" s="8"/>
      <c r="S343" s="8"/>
      <c r="T343" s="8"/>
      <c r="U343" s="8"/>
      <c r="V343" s="8"/>
      <c r="W343" s="8"/>
      <c r="X343" s="8"/>
      <c r="Y343" s="8"/>
      <c r="Z343" s="8"/>
      <c r="AA343" s="8"/>
      <c r="AB343" s="8"/>
      <c r="AC343" s="8"/>
      <c r="AD343" s="8"/>
      <c r="AE343" s="8"/>
      <c r="AF343" s="8"/>
      <c r="AG343" s="8"/>
      <c r="AH343" s="8"/>
      <c r="AI343" s="8"/>
      <c r="AJ343" s="8"/>
      <c r="AK343" s="8"/>
      <c r="AL343" s="8"/>
      <c r="AM343" s="8"/>
      <c r="AN343" s="8"/>
      <c r="AO343" s="8"/>
      <c r="AP343" s="8"/>
      <c r="AQ343" s="8"/>
      <c r="AR343" s="8"/>
      <c r="AS343" s="8"/>
      <c r="AT343" s="8"/>
      <c r="AU343" s="8"/>
      <c r="AV343" s="8"/>
      <c r="AW343" s="8"/>
      <c r="AX343" s="8"/>
      <c r="AY343" s="8"/>
      <c r="AZ343" s="8"/>
      <c r="BA343" s="8"/>
      <c r="BB343" s="8"/>
      <c r="BC343" s="8"/>
      <c r="BD343" s="8"/>
      <c r="BE343" s="8"/>
      <c r="BF343" s="8"/>
      <c r="BG343" s="8"/>
      <c r="BH343" s="8"/>
      <c r="BI343" s="8"/>
      <c r="BJ343" s="8"/>
      <c r="BK343" s="8"/>
      <c r="BL343" s="8"/>
      <c r="BM343" s="8"/>
      <c r="BN343" s="8"/>
      <c r="BO343" s="8"/>
      <c r="BP343" s="8"/>
      <c r="BQ343" s="8"/>
      <c r="BR343" s="8"/>
      <c r="BS343" s="8"/>
      <c r="BT343" s="9"/>
    </row>
    <row r="344" spans="1:72" s="20" customFormat="1" x14ac:dyDescent="0.15">
      <c r="A344" s="144"/>
      <c r="B344" s="1"/>
      <c r="C344" s="37"/>
      <c r="D344" s="37"/>
      <c r="E344" s="37"/>
      <c r="F344" s="37"/>
      <c r="G344" s="37"/>
      <c r="H344" s="37"/>
      <c r="I344" s="37"/>
      <c r="J344" s="37"/>
      <c r="K344" s="49"/>
      <c r="L344" s="37"/>
      <c r="M344" s="37"/>
      <c r="N344" s="37"/>
      <c r="O344" s="37"/>
      <c r="P344" s="37"/>
      <c r="Q344" s="37"/>
      <c r="R344" s="37"/>
      <c r="S344" s="37"/>
      <c r="T344" s="37"/>
      <c r="U344" s="37"/>
      <c r="V344" s="37"/>
      <c r="W344" s="37"/>
      <c r="X344" s="37"/>
      <c r="Y344" s="37"/>
      <c r="Z344" s="37"/>
      <c r="AA344" s="37"/>
      <c r="AB344" s="37"/>
      <c r="AC344" s="37"/>
      <c r="AD344" s="37"/>
      <c r="AE344" s="37"/>
      <c r="AF344" s="37"/>
      <c r="AG344" s="37"/>
      <c r="AH344" s="37"/>
      <c r="AI344" s="37"/>
      <c r="AJ344" s="37"/>
      <c r="AK344" s="37"/>
      <c r="AL344" s="37"/>
      <c r="AM344" s="37"/>
      <c r="AN344" s="37"/>
      <c r="AO344" s="37"/>
      <c r="AP344" s="37"/>
      <c r="AQ344" s="37"/>
      <c r="AR344" s="37"/>
      <c r="AS344" s="37"/>
      <c r="AT344" s="37"/>
      <c r="AU344" s="37"/>
      <c r="AV344" s="37"/>
      <c r="AW344" s="37"/>
      <c r="AX344" s="37"/>
      <c r="AY344" s="37"/>
      <c r="AZ344" s="37"/>
      <c r="BA344" s="37"/>
      <c r="BB344" s="37"/>
      <c r="BC344" s="37"/>
      <c r="BD344" s="37"/>
      <c r="BE344" s="37"/>
      <c r="BF344" s="37"/>
      <c r="BG344" s="37"/>
      <c r="BH344" s="37"/>
      <c r="BI344" s="37"/>
      <c r="BJ344" s="37"/>
      <c r="BK344" s="37"/>
      <c r="BL344" s="37"/>
      <c r="BM344" s="37"/>
      <c r="BN344" s="37"/>
      <c r="BO344" s="37"/>
      <c r="BP344" s="37"/>
      <c r="BQ344" s="37"/>
      <c r="BR344" s="37"/>
      <c r="BS344" s="37"/>
      <c r="BT344" s="9"/>
    </row>
    <row r="345" spans="1:72" s="20" customFormat="1" x14ac:dyDescent="0.15">
      <c r="A345" s="144"/>
      <c r="B345" s="1"/>
      <c r="C345" s="37"/>
      <c r="D345" s="37"/>
      <c r="E345" s="37"/>
      <c r="F345" s="37"/>
      <c r="G345" s="37"/>
      <c r="H345" s="37"/>
      <c r="I345" s="37"/>
      <c r="J345" s="37"/>
      <c r="K345" s="49"/>
      <c r="L345" s="37"/>
      <c r="M345" s="37"/>
      <c r="N345" s="37"/>
      <c r="O345" s="37"/>
      <c r="P345" s="37"/>
      <c r="Q345" s="37"/>
      <c r="R345" s="37"/>
      <c r="S345" s="37"/>
      <c r="T345" s="37"/>
      <c r="U345" s="37"/>
      <c r="V345" s="37"/>
      <c r="W345" s="37"/>
      <c r="X345" s="37"/>
      <c r="Y345" s="37"/>
      <c r="Z345" s="37"/>
      <c r="AA345" s="37"/>
      <c r="AB345" s="37"/>
      <c r="AC345" s="37"/>
      <c r="AD345" s="37"/>
      <c r="AE345" s="37"/>
      <c r="AF345" s="37"/>
      <c r="AG345" s="37"/>
      <c r="AH345" s="37"/>
      <c r="AI345" s="37"/>
      <c r="AJ345" s="37"/>
      <c r="AK345" s="37"/>
      <c r="AL345" s="37"/>
      <c r="AM345" s="37"/>
      <c r="AN345" s="37"/>
      <c r="AO345" s="37"/>
      <c r="AP345" s="37"/>
      <c r="AQ345" s="37"/>
      <c r="AR345" s="37"/>
      <c r="AS345" s="37"/>
      <c r="AT345" s="37"/>
      <c r="AU345" s="37"/>
      <c r="AV345" s="37"/>
      <c r="AW345" s="37"/>
      <c r="AX345" s="37"/>
      <c r="AY345" s="37"/>
      <c r="AZ345" s="37"/>
      <c r="BA345" s="37"/>
      <c r="BB345" s="37"/>
      <c r="BC345" s="37"/>
      <c r="BD345" s="37"/>
      <c r="BE345" s="37"/>
      <c r="BF345" s="37"/>
      <c r="BG345" s="37"/>
      <c r="BH345" s="37"/>
      <c r="BI345" s="37"/>
      <c r="BJ345" s="37"/>
      <c r="BK345" s="37"/>
      <c r="BL345" s="37"/>
      <c r="BM345" s="37"/>
      <c r="BN345" s="37"/>
      <c r="BO345" s="37"/>
      <c r="BP345" s="37"/>
      <c r="BQ345" s="37"/>
      <c r="BR345" s="37"/>
      <c r="BS345" s="37"/>
      <c r="BT345" s="9"/>
    </row>
    <row r="346" spans="1:72" s="75" customFormat="1" ht="19.5" x14ac:dyDescent="0.15">
      <c r="A346" s="144"/>
      <c r="B346" s="142" t="s">
        <v>161</v>
      </c>
      <c r="C346" s="143"/>
      <c r="D346" s="56"/>
      <c r="E346" s="56"/>
      <c r="F346" s="56"/>
      <c r="G346" s="56"/>
      <c r="H346" s="57"/>
      <c r="I346" s="57"/>
      <c r="J346" s="130"/>
      <c r="K346" s="58"/>
      <c r="L346" s="131"/>
      <c r="M346" s="131"/>
      <c r="N346" s="131"/>
      <c r="O346" s="131"/>
      <c r="P346" s="20"/>
      <c r="Q346" s="20"/>
      <c r="R346" s="20"/>
    </row>
    <row r="347" spans="1:72" s="75" customFormat="1" x14ac:dyDescent="0.15">
      <c r="A347" s="144"/>
      <c r="B347" s="17" t="s">
        <v>203</v>
      </c>
      <c r="D347" s="3"/>
      <c r="E347" s="3"/>
      <c r="F347" s="3"/>
      <c r="G347" s="3"/>
      <c r="H347" s="206"/>
      <c r="I347" s="206"/>
      <c r="J347" s="77"/>
      <c r="K347" s="61"/>
      <c r="L347" s="82"/>
      <c r="M347" s="82"/>
      <c r="N347" s="82"/>
      <c r="O347" s="82"/>
      <c r="P347" s="20"/>
      <c r="Q347" s="20"/>
      <c r="R347" s="20"/>
    </row>
    <row r="348" spans="1:72" s="75" customFormat="1" x14ac:dyDescent="0.15">
      <c r="A348" s="144"/>
      <c r="B348" s="17"/>
      <c r="D348" s="3"/>
      <c r="E348" s="3"/>
      <c r="F348" s="3"/>
      <c r="G348" s="3"/>
      <c r="H348" s="206"/>
      <c r="I348" s="206"/>
      <c r="J348" s="77"/>
      <c r="K348" s="61"/>
      <c r="L348" s="82"/>
      <c r="M348" s="82"/>
      <c r="N348" s="82"/>
      <c r="O348" s="82"/>
      <c r="P348" s="20"/>
      <c r="Q348" s="20"/>
      <c r="R348" s="20"/>
    </row>
    <row r="349" spans="1:72" x14ac:dyDescent="0.15">
      <c r="A349" s="144"/>
      <c r="B349" s="17"/>
      <c r="C349" s="9"/>
      <c r="D349" s="3"/>
      <c r="F349" s="3"/>
      <c r="G349" s="3"/>
      <c r="H349" s="198"/>
      <c r="I349" s="198"/>
      <c r="J349" s="64" t="s">
        <v>28</v>
      </c>
      <c r="K349" s="65"/>
      <c r="L349" s="82"/>
      <c r="M349" s="82"/>
      <c r="N349" s="82"/>
      <c r="O349" s="82"/>
      <c r="P349" s="20"/>
      <c r="Q349" s="20"/>
      <c r="R349" s="20"/>
    </row>
    <row r="350" spans="1:72" x14ac:dyDescent="0.15">
      <c r="A350" s="144"/>
      <c r="B350" s="1"/>
      <c r="C350" s="238"/>
      <c r="D350" s="239"/>
      <c r="E350" s="239"/>
      <c r="F350" s="239"/>
      <c r="G350" s="85"/>
      <c r="H350" s="198"/>
      <c r="I350" s="67" t="s">
        <v>29</v>
      </c>
      <c r="J350" s="68"/>
      <c r="K350" s="69"/>
      <c r="L350" s="82"/>
      <c r="M350" s="82"/>
      <c r="N350" s="82"/>
      <c r="O350" s="82"/>
      <c r="P350" s="20"/>
      <c r="Q350" s="20"/>
      <c r="R350" s="20"/>
    </row>
    <row r="351" spans="1:72" s="75" customFormat="1" ht="28.5" customHeight="1" x14ac:dyDescent="0.15">
      <c r="A351" s="153" t="s">
        <v>315</v>
      </c>
      <c r="B351" s="145"/>
      <c r="C351" s="230" t="s">
        <v>162</v>
      </c>
      <c r="D351" s="219"/>
      <c r="E351" s="219"/>
      <c r="F351" s="219"/>
      <c r="G351" s="219"/>
      <c r="H351" s="220"/>
      <c r="I351" s="110" t="s">
        <v>163</v>
      </c>
      <c r="J351" s="163" t="s">
        <v>339</v>
      </c>
      <c r="K351" s="201" t="s">
        <v>174</v>
      </c>
      <c r="L351" s="77"/>
      <c r="M351" s="175"/>
      <c r="N351" s="82"/>
      <c r="O351" s="82"/>
      <c r="P351" s="20"/>
      <c r="Q351" s="20"/>
      <c r="R351" s="20"/>
    </row>
    <row r="352" spans="1:72" s="75" customFormat="1" x14ac:dyDescent="0.15">
      <c r="A352" s="144"/>
      <c r="B352" s="17"/>
      <c r="C352" s="17"/>
      <c r="D352" s="17"/>
      <c r="E352" s="17"/>
      <c r="F352" s="17"/>
      <c r="G352" s="17"/>
      <c r="H352" s="13"/>
      <c r="I352" s="13"/>
      <c r="J352" s="73"/>
      <c r="K352" s="74"/>
      <c r="L352" s="82"/>
      <c r="M352" s="82"/>
      <c r="N352" s="82"/>
      <c r="O352" s="82"/>
      <c r="P352" s="20"/>
      <c r="Q352" s="20"/>
      <c r="R352" s="20"/>
    </row>
    <row r="353" spans="1:18" s="75" customFormat="1" x14ac:dyDescent="0.15">
      <c r="A353" s="144"/>
      <c r="B353" s="17"/>
      <c r="C353" s="17"/>
      <c r="D353" s="17"/>
      <c r="E353" s="17"/>
      <c r="F353" s="17"/>
      <c r="G353" s="17"/>
      <c r="H353" s="13"/>
      <c r="I353" s="13"/>
      <c r="J353" s="73"/>
      <c r="K353" s="74"/>
      <c r="L353" s="82"/>
      <c r="M353" s="82"/>
      <c r="N353" s="82"/>
      <c r="O353" s="82"/>
      <c r="P353" s="20"/>
      <c r="Q353" s="20"/>
      <c r="R353" s="20"/>
    </row>
    <row r="354" spans="1:18" x14ac:dyDescent="0.15">
      <c r="A354" s="144"/>
      <c r="B354" s="17"/>
      <c r="C354" s="17"/>
      <c r="D354" s="17"/>
      <c r="E354" s="17"/>
      <c r="F354" s="17"/>
      <c r="G354" s="17"/>
      <c r="H354" s="13"/>
      <c r="I354" s="13"/>
      <c r="L354" s="82"/>
      <c r="M354" s="82"/>
      <c r="N354" s="82"/>
      <c r="O354" s="82"/>
      <c r="P354" s="20"/>
      <c r="Q354" s="20"/>
      <c r="R354" s="20"/>
    </row>
    <row r="355" spans="1:18" s="75" customFormat="1" ht="17.25" customHeight="1" x14ac:dyDescent="0.15">
      <c r="A355" s="144"/>
      <c r="B355" s="17" t="s">
        <v>164</v>
      </c>
      <c r="C355" s="17"/>
      <c r="D355" s="17"/>
      <c r="E355" s="17"/>
      <c r="F355" s="17"/>
      <c r="G355" s="17"/>
      <c r="H355" s="13"/>
      <c r="I355" s="13"/>
      <c r="J355" s="77"/>
      <c r="K355" s="62"/>
      <c r="L355" s="82"/>
      <c r="M355" s="82"/>
      <c r="N355" s="82"/>
      <c r="O355" s="82"/>
      <c r="P355" s="20"/>
      <c r="Q355" s="20"/>
      <c r="R355" s="20"/>
    </row>
    <row r="356" spans="1:18" x14ac:dyDescent="0.15">
      <c r="A356" s="144"/>
      <c r="B356" s="17"/>
      <c r="C356" s="17"/>
      <c r="D356" s="17"/>
      <c r="E356" s="17"/>
      <c r="F356" s="17"/>
      <c r="G356" s="17"/>
      <c r="H356" s="13"/>
      <c r="I356" s="13"/>
      <c r="L356" s="82"/>
      <c r="M356" s="82"/>
      <c r="N356" s="82"/>
      <c r="O356" s="82"/>
      <c r="P356" s="20"/>
      <c r="Q356" s="20"/>
      <c r="R356" s="20"/>
    </row>
    <row r="357" spans="1:18" s="1" customFormat="1" x14ac:dyDescent="0.15">
      <c r="A357" s="144"/>
      <c r="B357" s="17"/>
      <c r="C357" s="3"/>
      <c r="D357" s="3"/>
      <c r="E357" s="3"/>
      <c r="F357" s="3"/>
      <c r="G357" s="3"/>
      <c r="H357" s="198"/>
      <c r="I357" s="198"/>
      <c r="J357" s="64" t="s">
        <v>28</v>
      </c>
      <c r="K357" s="65"/>
      <c r="L357" s="82"/>
      <c r="M357" s="82"/>
      <c r="N357" s="82"/>
      <c r="O357" s="82"/>
      <c r="P357" s="20"/>
      <c r="Q357" s="20"/>
      <c r="R357" s="20"/>
    </row>
    <row r="358" spans="1:18" s="1" customFormat="1" x14ac:dyDescent="0.15">
      <c r="A358" s="144"/>
      <c r="C358" s="60"/>
      <c r="D358" s="3"/>
      <c r="E358" s="3"/>
      <c r="F358" s="3"/>
      <c r="G358" s="3"/>
      <c r="H358" s="198"/>
      <c r="I358" s="67" t="s">
        <v>29</v>
      </c>
      <c r="J358" s="68"/>
      <c r="K358" s="69"/>
      <c r="L358" s="82"/>
      <c r="M358" s="82"/>
      <c r="N358" s="82"/>
      <c r="O358" s="82"/>
      <c r="P358" s="20"/>
      <c r="Q358" s="20"/>
      <c r="R358" s="20"/>
    </row>
    <row r="359" spans="1:18" s="119" customFormat="1" ht="35.1" customHeight="1" x14ac:dyDescent="0.15">
      <c r="A359" s="153" t="s">
        <v>316</v>
      </c>
      <c r="B359" s="78"/>
      <c r="C359" s="217" t="s">
        <v>194</v>
      </c>
      <c r="D359" s="233"/>
      <c r="E359" s="233"/>
      <c r="F359" s="233"/>
      <c r="G359" s="233"/>
      <c r="H359" s="234"/>
      <c r="I359" s="214" t="s">
        <v>165</v>
      </c>
      <c r="J359" s="165">
        <v>17</v>
      </c>
      <c r="K359" s="99" t="str">
        <f t="shared" ref="K359:K363" si="4">IF(OR(COUNTIF(J359,"未確認")&gt;0,COUNTIF(J359,"*")&gt;0),"※","")</f>
        <v/>
      </c>
      <c r="L359" s="77"/>
      <c r="M359" s="175"/>
      <c r="N359" s="82"/>
      <c r="O359" s="82"/>
      <c r="P359" s="20"/>
      <c r="Q359" s="20"/>
      <c r="R359" s="20"/>
    </row>
    <row r="360" spans="1:18" s="119" customFormat="1" ht="35.1" customHeight="1" x14ac:dyDescent="0.15">
      <c r="A360" s="153" t="s">
        <v>317</v>
      </c>
      <c r="B360" s="78"/>
      <c r="C360" s="193"/>
      <c r="D360" s="194"/>
      <c r="E360" s="226" t="s">
        <v>166</v>
      </c>
      <c r="F360" s="227"/>
      <c r="G360" s="227"/>
      <c r="H360" s="227"/>
      <c r="I360" s="235"/>
      <c r="J360" s="165">
        <v>0</v>
      </c>
      <c r="K360" s="99" t="str">
        <f t="shared" si="4"/>
        <v/>
      </c>
      <c r="L360" s="77"/>
      <c r="M360" s="175"/>
      <c r="N360" s="82"/>
      <c r="O360" s="82"/>
      <c r="P360" s="20"/>
      <c r="Q360" s="20"/>
      <c r="R360" s="20"/>
    </row>
    <row r="361" spans="1:18" s="119" customFormat="1" ht="35.1" customHeight="1" x14ac:dyDescent="0.15">
      <c r="A361" s="153" t="s">
        <v>318</v>
      </c>
      <c r="B361" s="78"/>
      <c r="C361" s="217" t="s">
        <v>195</v>
      </c>
      <c r="D361" s="233"/>
      <c r="E361" s="233"/>
      <c r="F361" s="233"/>
      <c r="G361" s="233"/>
      <c r="H361" s="234"/>
      <c r="I361" s="236" t="s">
        <v>167</v>
      </c>
      <c r="J361" s="165">
        <v>38</v>
      </c>
      <c r="K361" s="99" t="str">
        <f t="shared" si="4"/>
        <v/>
      </c>
      <c r="L361" s="77"/>
      <c r="M361" s="175"/>
      <c r="N361" s="82"/>
      <c r="O361" s="82"/>
      <c r="P361" s="20"/>
      <c r="Q361" s="20"/>
      <c r="R361" s="20"/>
    </row>
    <row r="362" spans="1:18" s="119" customFormat="1" ht="35.1" customHeight="1" x14ac:dyDescent="0.15">
      <c r="A362" s="153" t="s">
        <v>319</v>
      </c>
      <c r="B362" s="78"/>
      <c r="C362" s="193"/>
      <c r="D362" s="194"/>
      <c r="E362" s="226" t="s">
        <v>166</v>
      </c>
      <c r="F362" s="227"/>
      <c r="G362" s="227"/>
      <c r="H362" s="227"/>
      <c r="I362" s="237"/>
      <c r="J362" s="165">
        <v>0</v>
      </c>
      <c r="K362" s="99" t="str">
        <f t="shared" si="4"/>
        <v/>
      </c>
      <c r="L362" s="77"/>
      <c r="M362" s="175"/>
      <c r="N362" s="82"/>
      <c r="O362" s="82"/>
      <c r="P362" s="20"/>
      <c r="Q362" s="20"/>
      <c r="R362" s="20"/>
    </row>
    <row r="363" spans="1:18" s="119" customFormat="1" ht="42" customHeight="1" x14ac:dyDescent="0.15">
      <c r="A363" s="153" t="s">
        <v>320</v>
      </c>
      <c r="B363" s="78"/>
      <c r="C363" s="230" t="s">
        <v>196</v>
      </c>
      <c r="D363" s="231"/>
      <c r="E363" s="231"/>
      <c r="F363" s="231"/>
      <c r="G363" s="231"/>
      <c r="H363" s="232"/>
      <c r="I363" s="110" t="s">
        <v>168</v>
      </c>
      <c r="J363" s="89">
        <v>0</v>
      </c>
      <c r="K363" s="99" t="str">
        <f t="shared" si="4"/>
        <v/>
      </c>
      <c r="L363" s="77"/>
      <c r="M363" s="175"/>
      <c r="N363" s="82"/>
      <c r="O363" s="82"/>
      <c r="P363" s="20"/>
      <c r="Q363" s="20"/>
      <c r="R363" s="20"/>
    </row>
    <row r="364" spans="1:18" s="75" customFormat="1" x14ac:dyDescent="0.15">
      <c r="A364" s="144"/>
      <c r="B364" s="17"/>
      <c r="C364" s="17"/>
      <c r="D364" s="17"/>
      <c r="E364" s="17"/>
      <c r="F364" s="17"/>
      <c r="G364" s="17"/>
      <c r="H364" s="13"/>
      <c r="I364" s="13"/>
      <c r="J364" s="73"/>
      <c r="K364" s="74"/>
      <c r="L364" s="82"/>
      <c r="M364" s="82"/>
      <c r="N364" s="82"/>
      <c r="O364" s="82"/>
      <c r="P364" s="20"/>
      <c r="Q364" s="20"/>
      <c r="R364" s="20"/>
    </row>
    <row r="365" spans="1:18" s="72" customFormat="1" x14ac:dyDescent="0.15">
      <c r="A365" s="144"/>
      <c r="B365" s="78"/>
      <c r="C365" s="60"/>
      <c r="D365" s="60"/>
      <c r="E365" s="60"/>
      <c r="F365" s="60"/>
      <c r="G365" s="60"/>
      <c r="H365" s="80"/>
      <c r="I365" s="80"/>
      <c r="J365" s="73"/>
      <c r="K365" s="74"/>
      <c r="L365" s="82"/>
      <c r="M365" s="82"/>
      <c r="N365" s="82"/>
      <c r="O365" s="82"/>
      <c r="P365" s="20"/>
      <c r="Q365" s="20"/>
      <c r="R365" s="20"/>
    </row>
    <row r="366" spans="1:18" s="75" customFormat="1" x14ac:dyDescent="0.15">
      <c r="A366" s="144"/>
      <c r="B366" s="78"/>
      <c r="C366" s="3"/>
      <c r="D366" s="3"/>
      <c r="E366" s="91"/>
      <c r="F366" s="91"/>
      <c r="G366" s="91"/>
      <c r="H366" s="92"/>
      <c r="I366" s="92"/>
      <c r="J366" s="73"/>
      <c r="K366" s="74"/>
      <c r="L366" s="82"/>
      <c r="M366" s="82"/>
      <c r="N366" s="82"/>
      <c r="O366" s="82"/>
      <c r="P366" s="20"/>
      <c r="Q366" s="20"/>
      <c r="R366" s="20"/>
    </row>
    <row r="367" spans="1:18" s="119" customFormat="1" x14ac:dyDescent="0.15">
      <c r="A367" s="144"/>
      <c r="B367" s="17" t="s">
        <v>169</v>
      </c>
      <c r="C367" s="3"/>
      <c r="D367" s="3"/>
      <c r="E367" s="3"/>
      <c r="F367" s="3"/>
      <c r="G367" s="3"/>
      <c r="H367" s="198"/>
      <c r="I367" s="198"/>
      <c r="J367" s="77"/>
      <c r="K367" s="62"/>
      <c r="L367" s="82"/>
      <c r="M367" s="82"/>
      <c r="N367" s="82"/>
      <c r="O367" s="82"/>
      <c r="P367" s="20"/>
      <c r="Q367" s="20"/>
      <c r="R367" s="20"/>
    </row>
    <row r="368" spans="1:18" x14ac:dyDescent="0.15">
      <c r="A368" s="144"/>
      <c r="B368" s="17"/>
      <c r="C368" s="17"/>
      <c r="D368" s="17"/>
      <c r="E368" s="17"/>
      <c r="F368" s="17"/>
      <c r="G368" s="17"/>
      <c r="H368" s="13"/>
      <c r="I368" s="13"/>
      <c r="L368" s="82"/>
      <c r="M368" s="82"/>
      <c r="N368" s="82"/>
      <c r="O368" s="82"/>
      <c r="P368" s="20"/>
      <c r="Q368" s="20"/>
      <c r="R368" s="20"/>
    </row>
    <row r="369" spans="1:51" x14ac:dyDescent="0.15">
      <c r="A369" s="144"/>
      <c r="B369" s="17"/>
      <c r="C369" s="3"/>
      <c r="D369" s="3"/>
      <c r="F369" s="3"/>
      <c r="G369" s="3"/>
      <c r="H369" s="198"/>
      <c r="I369" s="198"/>
      <c r="J369" s="64" t="s">
        <v>28</v>
      </c>
      <c r="K369" s="65"/>
      <c r="L369" s="82"/>
      <c r="M369" s="82"/>
      <c r="N369" s="82"/>
      <c r="O369" s="82"/>
      <c r="P369" s="20"/>
      <c r="Q369" s="20"/>
      <c r="R369" s="20"/>
    </row>
    <row r="370" spans="1:51" x14ac:dyDescent="0.15">
      <c r="A370" s="144"/>
      <c r="B370" s="1"/>
      <c r="C370" s="60"/>
      <c r="D370" s="3"/>
      <c r="F370" s="3"/>
      <c r="G370" s="3"/>
      <c r="H370" s="198"/>
      <c r="I370" s="67" t="s">
        <v>29</v>
      </c>
      <c r="J370" s="68"/>
      <c r="K370" s="69"/>
      <c r="L370" s="82"/>
      <c r="M370" s="82"/>
      <c r="N370" s="82"/>
      <c r="O370" s="82"/>
      <c r="P370" s="20"/>
      <c r="Q370" s="20"/>
      <c r="R370" s="20"/>
    </row>
    <row r="371" spans="1:51" s="72" customFormat="1" ht="56.1" customHeight="1" x14ac:dyDescent="0.15">
      <c r="A371" s="153" t="s">
        <v>321</v>
      </c>
      <c r="B371" s="78"/>
      <c r="C371" s="223" t="s">
        <v>170</v>
      </c>
      <c r="D371" s="224"/>
      <c r="E371" s="224"/>
      <c r="F371" s="224"/>
      <c r="G371" s="224"/>
      <c r="H371" s="225"/>
      <c r="I371" s="93" t="s">
        <v>171</v>
      </c>
      <c r="J371" s="171">
        <v>0</v>
      </c>
      <c r="K371" s="99" t="str">
        <f>IF(OR(COUNTIF(J371,"未確認")&gt;0,COUNTIF(J371,"*")&gt;0),"※","")</f>
        <v/>
      </c>
      <c r="L371" s="82"/>
      <c r="M371" s="82"/>
      <c r="N371" s="82"/>
      <c r="O371" s="82"/>
      <c r="P371" s="20"/>
      <c r="Q371" s="20"/>
      <c r="R371" s="20"/>
    </row>
    <row r="372" spans="1:51" s="72" customFormat="1" ht="56.1" customHeight="1" x14ac:dyDescent="0.15">
      <c r="A372" s="153" t="s">
        <v>322</v>
      </c>
      <c r="B372" s="78"/>
      <c r="C372" s="226" t="s">
        <v>323</v>
      </c>
      <c r="D372" s="227"/>
      <c r="E372" s="227"/>
      <c r="F372" s="227"/>
      <c r="G372" s="227"/>
      <c r="H372" s="227"/>
      <c r="I372" s="93" t="s">
        <v>324</v>
      </c>
      <c r="J372" s="173">
        <v>0</v>
      </c>
      <c r="K372" s="99" t="str">
        <f>IF(OR(COUNTIF(J372,"未確認")&gt;0,COUNTIF(J372,"*")&gt;0),"※","")</f>
        <v/>
      </c>
      <c r="L372" s="82"/>
      <c r="M372" s="82"/>
      <c r="N372" s="82"/>
      <c r="O372" s="82"/>
      <c r="P372" s="20"/>
      <c r="Q372" s="20"/>
      <c r="R372" s="20"/>
    </row>
    <row r="373" spans="1:51" s="72" customFormat="1" ht="35.1" customHeight="1" x14ac:dyDescent="0.15">
      <c r="A373" s="153" t="s">
        <v>325</v>
      </c>
      <c r="B373" s="78"/>
      <c r="C373" s="217" t="s">
        <v>326</v>
      </c>
      <c r="D373" s="228"/>
      <c r="E373" s="228"/>
      <c r="F373" s="228"/>
      <c r="G373" s="228"/>
      <c r="H373" s="229"/>
      <c r="I373" s="214" t="s">
        <v>327</v>
      </c>
      <c r="J373" s="165">
        <v>274</v>
      </c>
      <c r="K373" s="99" t="str">
        <f t="shared" ref="K373:K377" si="5">IF(OR(COUNTIF(J373,"未確認")&gt;0,COUNTIF(J373,"*")&gt;0),"※","")</f>
        <v/>
      </c>
      <c r="L373" s="82"/>
      <c r="M373" s="82"/>
      <c r="N373" s="82"/>
      <c r="O373" s="82"/>
      <c r="P373" s="20"/>
      <c r="Q373" s="20"/>
      <c r="R373" s="20"/>
    </row>
    <row r="374" spans="1:51" s="72" customFormat="1" ht="35.1" customHeight="1" x14ac:dyDescent="0.15">
      <c r="A374" s="153" t="s">
        <v>328</v>
      </c>
      <c r="B374" s="78"/>
      <c r="C374" s="134"/>
      <c r="D374" s="146"/>
      <c r="E374" s="217" t="s">
        <v>172</v>
      </c>
      <c r="F374" s="218"/>
      <c r="G374" s="219"/>
      <c r="H374" s="220"/>
      <c r="I374" s="215"/>
      <c r="J374" s="165">
        <v>0</v>
      </c>
      <c r="K374" s="99" t="str">
        <f t="shared" si="5"/>
        <v/>
      </c>
      <c r="L374" s="82"/>
      <c r="M374" s="82"/>
      <c r="N374" s="82"/>
      <c r="O374" s="82"/>
      <c r="P374" s="20"/>
      <c r="Q374" s="20"/>
      <c r="R374" s="20"/>
    </row>
    <row r="375" spans="1:51" s="72" customFormat="1" ht="35.1" customHeight="1" x14ac:dyDescent="0.15">
      <c r="A375" s="153"/>
      <c r="B375" s="78"/>
      <c r="C375" s="134"/>
      <c r="D375" s="146"/>
      <c r="E375" s="202"/>
      <c r="F375" s="203"/>
      <c r="G375" s="258" t="s">
        <v>202</v>
      </c>
      <c r="H375" s="258"/>
      <c r="I375" s="215"/>
      <c r="J375" s="165">
        <v>0</v>
      </c>
      <c r="K375" s="99" t="str">
        <f t="shared" si="5"/>
        <v/>
      </c>
      <c r="L375" s="82"/>
      <c r="M375" s="82"/>
      <c r="N375" s="82"/>
      <c r="O375" s="82"/>
      <c r="P375" s="20"/>
      <c r="Q375" s="20"/>
      <c r="R375" s="20"/>
    </row>
    <row r="376" spans="1:51" s="72" customFormat="1" ht="93.6" customHeight="1" x14ac:dyDescent="0.15">
      <c r="A376" s="153"/>
      <c r="B376" s="78"/>
      <c r="C376" s="134"/>
      <c r="D376" s="146"/>
      <c r="E376" s="202"/>
      <c r="F376" s="203"/>
      <c r="G376" s="266" t="s">
        <v>329</v>
      </c>
      <c r="H376" s="258"/>
      <c r="I376" s="215"/>
      <c r="J376" s="165">
        <v>0</v>
      </c>
      <c r="K376" s="99" t="str">
        <f t="shared" si="5"/>
        <v/>
      </c>
      <c r="L376" s="82"/>
      <c r="M376" s="82"/>
      <c r="N376" s="82"/>
      <c r="O376" s="82"/>
      <c r="P376" s="20"/>
      <c r="Q376" s="20"/>
      <c r="R376" s="20"/>
    </row>
    <row r="377" spans="1:51" s="72" customFormat="1" ht="87" customHeight="1" x14ac:dyDescent="0.15">
      <c r="A377" s="153" t="s">
        <v>330</v>
      </c>
      <c r="B377" s="78"/>
      <c r="C377" s="136"/>
      <c r="D377" s="191"/>
      <c r="E377" s="221"/>
      <c r="F377" s="222"/>
      <c r="G377" s="210"/>
      <c r="H377" s="209" t="s">
        <v>331</v>
      </c>
      <c r="I377" s="216"/>
      <c r="J377" s="165">
        <v>0</v>
      </c>
      <c r="K377" s="99" t="str">
        <f t="shared" si="5"/>
        <v/>
      </c>
      <c r="L377" s="77"/>
      <c r="M377" s="176"/>
      <c r="N377" s="82"/>
      <c r="O377" s="82"/>
      <c r="P377" s="20"/>
      <c r="Q377" s="20"/>
      <c r="R377" s="20"/>
    </row>
    <row r="378" spans="1:51" s="75" customFormat="1" x14ac:dyDescent="0.15">
      <c r="A378" s="144"/>
      <c r="B378" s="17"/>
      <c r="C378" s="17"/>
      <c r="D378" s="17"/>
      <c r="E378" s="17"/>
      <c r="F378" s="17"/>
      <c r="G378" s="17"/>
      <c r="H378" s="13"/>
      <c r="I378" s="13"/>
      <c r="J378" s="73"/>
      <c r="K378" s="74"/>
      <c r="L378" s="82"/>
      <c r="M378" s="82"/>
      <c r="N378" s="82"/>
      <c r="O378" s="82"/>
      <c r="P378" s="20"/>
      <c r="Q378" s="20"/>
      <c r="R378" s="20"/>
    </row>
    <row r="379" spans="1:51" s="72" customFormat="1" x14ac:dyDescent="0.15">
      <c r="A379" s="144"/>
      <c r="B379" s="78"/>
      <c r="C379" s="60"/>
      <c r="D379" s="60"/>
      <c r="E379" s="60"/>
      <c r="F379" s="60"/>
      <c r="G379" s="60"/>
      <c r="H379" s="80"/>
      <c r="I379" s="80"/>
      <c r="J379" s="73"/>
      <c r="K379" s="74"/>
      <c r="L379" s="82"/>
      <c r="M379" s="82"/>
      <c r="N379" s="82"/>
      <c r="O379" s="82"/>
      <c r="P379" s="20"/>
      <c r="Q379" s="20"/>
      <c r="R379" s="20"/>
    </row>
    <row r="380" spans="1:51" s="75" customFormat="1" x14ac:dyDescent="0.15">
      <c r="A380" s="144"/>
      <c r="B380" s="78"/>
      <c r="C380" s="3"/>
      <c r="D380" s="3"/>
      <c r="E380" s="3"/>
      <c r="F380" s="3"/>
      <c r="G380" s="3"/>
      <c r="H380" s="198"/>
      <c r="I380" s="198"/>
      <c r="J380" s="77"/>
      <c r="K380" s="62"/>
      <c r="L380" s="82"/>
      <c r="M380" s="82"/>
      <c r="N380" s="82"/>
      <c r="O380" s="82"/>
      <c r="P380" s="20"/>
      <c r="Q380" s="20"/>
      <c r="R380" s="20"/>
    </row>
    <row r="381" spans="1:51" s="75" customFormat="1" x14ac:dyDescent="0.15">
      <c r="A381" s="144"/>
      <c r="B381" s="17"/>
      <c r="C381" s="17"/>
      <c r="D381" s="17"/>
      <c r="E381" s="17"/>
      <c r="F381" s="17"/>
      <c r="G381" s="17"/>
      <c r="H381" s="13"/>
      <c r="I381" s="13"/>
      <c r="J381" s="73"/>
      <c r="K381" s="74"/>
      <c r="L381" s="82"/>
      <c r="M381" s="82"/>
      <c r="N381" s="82"/>
      <c r="O381" s="82"/>
      <c r="P381" s="20"/>
      <c r="Q381" s="20"/>
      <c r="R381" s="20"/>
    </row>
    <row r="382" spans="1:51" s="72" customFormat="1" x14ac:dyDescent="0.15">
      <c r="A382" s="144"/>
      <c r="B382" s="78"/>
      <c r="C382" s="60"/>
      <c r="D382" s="60"/>
      <c r="E382" s="60"/>
      <c r="F382" s="60"/>
      <c r="G382" s="60"/>
      <c r="H382" s="80"/>
      <c r="I382" s="80"/>
      <c r="J382" s="73"/>
      <c r="K382" s="74"/>
      <c r="L382" s="74"/>
      <c r="M382" s="74"/>
      <c r="N382" s="74"/>
      <c r="O382" s="74"/>
      <c r="P382" s="20"/>
      <c r="Q382" s="20"/>
      <c r="R382" s="20"/>
    </row>
    <row r="383" spans="1:51" s="72" customFormat="1" x14ac:dyDescent="0.15">
      <c r="A383" s="144"/>
      <c r="B383" s="90"/>
      <c r="C383" s="90"/>
      <c r="D383" s="60"/>
      <c r="E383" s="60"/>
      <c r="F383" s="60"/>
      <c r="G383" s="60"/>
      <c r="H383" s="80"/>
      <c r="I383" s="115" t="s">
        <v>187</v>
      </c>
      <c r="J383" s="73"/>
      <c r="K383" s="74"/>
      <c r="L383" s="74"/>
      <c r="M383" s="74"/>
      <c r="N383" s="74"/>
      <c r="O383" s="74"/>
      <c r="P383" s="74"/>
      <c r="Q383" s="74"/>
      <c r="R383" s="74"/>
      <c r="S383" s="74"/>
      <c r="T383" s="74"/>
      <c r="U383" s="74"/>
      <c r="V383" s="74"/>
      <c r="W383" s="74"/>
      <c r="X383" s="74"/>
      <c r="Y383" s="74"/>
      <c r="Z383" s="74"/>
      <c r="AA383" s="74"/>
      <c r="AB383" s="74"/>
      <c r="AC383" s="74"/>
      <c r="AD383" s="74"/>
      <c r="AE383" s="74"/>
      <c r="AF383" s="74"/>
      <c r="AG383" s="74"/>
      <c r="AH383" s="74"/>
      <c r="AI383" s="74"/>
      <c r="AJ383" s="74"/>
      <c r="AK383" s="74"/>
      <c r="AL383" s="74"/>
      <c r="AM383" s="74"/>
      <c r="AN383" s="74"/>
      <c r="AO383" s="74"/>
      <c r="AP383" s="74"/>
      <c r="AQ383" s="74"/>
      <c r="AR383" s="74"/>
      <c r="AS383" s="74"/>
      <c r="AT383" s="74"/>
      <c r="AU383" s="74"/>
      <c r="AV383" s="74"/>
      <c r="AW383" s="74"/>
      <c r="AX383" s="74"/>
      <c r="AY383" s="74"/>
    </row>
    <row r="384" spans="1:51" s="72" customFormat="1" ht="36.75" customHeight="1" x14ac:dyDescent="0.15">
      <c r="A384" s="144"/>
      <c r="B384" s="90"/>
      <c r="C384" s="90"/>
      <c r="D384" s="60"/>
      <c r="E384" s="60"/>
      <c r="F384" s="60"/>
      <c r="G384" s="60"/>
      <c r="H384" s="80"/>
      <c r="I384" s="80"/>
      <c r="J384" s="73"/>
      <c r="K384" s="74"/>
      <c r="L384" s="74"/>
      <c r="M384" s="74"/>
      <c r="N384" s="74"/>
      <c r="O384" s="74"/>
      <c r="P384" s="20"/>
      <c r="Q384" s="20"/>
      <c r="R384" s="20"/>
    </row>
  </sheetData>
  <mergeCells count="241">
    <mergeCell ref="I28:K28"/>
    <mergeCell ref="I55:K55"/>
    <mergeCell ref="G375:H375"/>
    <mergeCell ref="G376:H376"/>
    <mergeCell ref="L261:P261"/>
    <mergeCell ref="L260:P260"/>
    <mergeCell ref="L259:P259"/>
    <mergeCell ref="L258:P258"/>
    <mergeCell ref="I10:K10"/>
    <mergeCell ref="I11:K11"/>
    <mergeCell ref="I12:K12"/>
    <mergeCell ref="I13:K13"/>
    <mergeCell ref="I14:K14"/>
    <mergeCell ref="I16:K16"/>
    <mergeCell ref="I15:K15"/>
    <mergeCell ref="I29:K29"/>
    <mergeCell ref="I37:K37"/>
    <mergeCell ref="I38:K38"/>
    <mergeCell ref="I39:K39"/>
    <mergeCell ref="I40:K40"/>
    <mergeCell ref="I17:K17"/>
    <mergeCell ref="I24:K24"/>
    <mergeCell ref="I25:K25"/>
    <mergeCell ref="I26:K26"/>
    <mergeCell ref="I27:K27"/>
    <mergeCell ref="C75:H75"/>
    <mergeCell ref="C76:H76"/>
    <mergeCell ref="C77:H77"/>
    <mergeCell ref="I30:K30"/>
    <mergeCell ref="I32:K32"/>
    <mergeCell ref="C72:H72"/>
    <mergeCell ref="C73:H73"/>
    <mergeCell ref="J72:O72"/>
    <mergeCell ref="C74:H74"/>
    <mergeCell ref="I41:K41"/>
    <mergeCell ref="D61:L61"/>
    <mergeCell ref="D62:L62"/>
    <mergeCell ref="D63:L63"/>
    <mergeCell ref="D64:L64"/>
    <mergeCell ref="D65:L65"/>
    <mergeCell ref="I46:K46"/>
    <mergeCell ref="I47:K47"/>
    <mergeCell ref="I48:K48"/>
    <mergeCell ref="I49:K49"/>
    <mergeCell ref="I50:K50"/>
    <mergeCell ref="I51:K51"/>
    <mergeCell ref="I52:K52"/>
    <mergeCell ref="I53:K53"/>
    <mergeCell ref="I54:K54"/>
    <mergeCell ref="E108:F108"/>
    <mergeCell ref="G108:H108"/>
    <mergeCell ref="E109:F109"/>
    <mergeCell ref="G109:H109"/>
    <mergeCell ref="E110:H110"/>
    <mergeCell ref="E111:F111"/>
    <mergeCell ref="C78:H78"/>
    <mergeCell ref="C79:H79"/>
    <mergeCell ref="C80:H80"/>
    <mergeCell ref="G111:H111"/>
    <mergeCell ref="I124:I127"/>
    <mergeCell ref="E125:H127"/>
    <mergeCell ref="C135:H135"/>
    <mergeCell ref="I135:I137"/>
    <mergeCell ref="C136:H136"/>
    <mergeCell ref="C137:H137"/>
    <mergeCell ref="E112:F112"/>
    <mergeCell ref="C81:H81"/>
    <mergeCell ref="C82:H82"/>
    <mergeCell ref="C95:H95"/>
    <mergeCell ref="E103:H103"/>
    <mergeCell ref="I103:I116"/>
    <mergeCell ref="E104:F104"/>
    <mergeCell ref="G104:H104"/>
    <mergeCell ref="E105:H105"/>
    <mergeCell ref="C103:D106"/>
    <mergeCell ref="E106:H106"/>
    <mergeCell ref="E113:H113"/>
    <mergeCell ref="E114:F114"/>
    <mergeCell ref="G114:H114"/>
    <mergeCell ref="E115:F115"/>
    <mergeCell ref="G115:H115"/>
    <mergeCell ref="C107:D115"/>
    <mergeCell ref="E107:H107"/>
    <mergeCell ref="G112:H112"/>
    <mergeCell ref="C116:H116"/>
    <mergeCell ref="C124:H124"/>
    <mergeCell ref="C145:H145"/>
    <mergeCell ref="C153:F154"/>
    <mergeCell ref="G153:H153"/>
    <mergeCell ref="G174:H174"/>
    <mergeCell ref="C167:F168"/>
    <mergeCell ref="G167:H167"/>
    <mergeCell ref="G168:H168"/>
    <mergeCell ref="C169:F170"/>
    <mergeCell ref="G169:H169"/>
    <mergeCell ref="G170:H170"/>
    <mergeCell ref="C163:F164"/>
    <mergeCell ref="G163:H163"/>
    <mergeCell ref="G164:H164"/>
    <mergeCell ref="C165:F166"/>
    <mergeCell ref="G165:H165"/>
    <mergeCell ref="G166:H166"/>
    <mergeCell ref="C179:F180"/>
    <mergeCell ref="G179:H179"/>
    <mergeCell ref="G180:H180"/>
    <mergeCell ref="G154:H154"/>
    <mergeCell ref="C155:F156"/>
    <mergeCell ref="G155:H155"/>
    <mergeCell ref="G156:H156"/>
    <mergeCell ref="C157:F158"/>
    <mergeCell ref="G157:H157"/>
    <mergeCell ref="G158:H158"/>
    <mergeCell ref="C159:F160"/>
    <mergeCell ref="G159:H159"/>
    <mergeCell ref="G160:H160"/>
    <mergeCell ref="C188:H188"/>
    <mergeCell ref="I188:I200"/>
    <mergeCell ref="C189:F200"/>
    <mergeCell ref="G189:G190"/>
    <mergeCell ref="G191:G192"/>
    <mergeCell ref="G193:G194"/>
    <mergeCell ref="G195:G196"/>
    <mergeCell ref="I153:I180"/>
    <mergeCell ref="G197:G198"/>
    <mergeCell ref="G199:G200"/>
    <mergeCell ref="C175:F176"/>
    <mergeCell ref="G175:H175"/>
    <mergeCell ref="G176:H176"/>
    <mergeCell ref="C177:F178"/>
    <mergeCell ref="G177:H177"/>
    <mergeCell ref="G178:H178"/>
    <mergeCell ref="C171:F172"/>
    <mergeCell ref="G171:H171"/>
    <mergeCell ref="G172:H172"/>
    <mergeCell ref="C173:F174"/>
    <mergeCell ref="G173:H173"/>
    <mergeCell ref="C161:F162"/>
    <mergeCell ref="G161:H161"/>
    <mergeCell ref="G162:H162"/>
    <mergeCell ref="C208:D211"/>
    <mergeCell ref="E208:F210"/>
    <mergeCell ref="G208:H208"/>
    <mergeCell ref="I208:I211"/>
    <mergeCell ref="G209:H209"/>
    <mergeCell ref="G210:H210"/>
    <mergeCell ref="E211:H211"/>
    <mergeCell ref="E218:H218"/>
    <mergeCell ref="E219:H219"/>
    <mergeCell ref="E220:H220"/>
    <mergeCell ref="E221:H221"/>
    <mergeCell ref="E222:H222"/>
    <mergeCell ref="E223:H223"/>
    <mergeCell ref="C212:D214"/>
    <mergeCell ref="E212:H212"/>
    <mergeCell ref="I212:I214"/>
    <mergeCell ref="E213:H213"/>
    <mergeCell ref="E214:H214"/>
    <mergeCell ref="C215:D224"/>
    <mergeCell ref="E215:H215"/>
    <mergeCell ref="E216:H216"/>
    <mergeCell ref="I216:I217"/>
    <mergeCell ref="E217:H217"/>
    <mergeCell ref="C247:H251"/>
    <mergeCell ref="I247:I251"/>
    <mergeCell ref="L256:P256"/>
    <mergeCell ref="L257:P257"/>
    <mergeCell ref="E224:H224"/>
    <mergeCell ref="C232:H232"/>
    <mergeCell ref="I232:I238"/>
    <mergeCell ref="C233:H233"/>
    <mergeCell ref="C234:H234"/>
    <mergeCell ref="C235:H235"/>
    <mergeCell ref="C236:H236"/>
    <mergeCell ref="C237:H237"/>
    <mergeCell ref="C238:H238"/>
    <mergeCell ref="C271:C275"/>
    <mergeCell ref="D271:H271"/>
    <mergeCell ref="I271:I275"/>
    <mergeCell ref="D272:D273"/>
    <mergeCell ref="E272:H272"/>
    <mergeCell ref="E273:H273"/>
    <mergeCell ref="D274:H274"/>
    <mergeCell ref="D275:H275"/>
    <mergeCell ref="C283:C298"/>
    <mergeCell ref="D283:H283"/>
    <mergeCell ref="I283:I298"/>
    <mergeCell ref="D284:D289"/>
    <mergeCell ref="E284:H284"/>
    <mergeCell ref="E285:H285"/>
    <mergeCell ref="E286:H286"/>
    <mergeCell ref="E288:H288"/>
    <mergeCell ref="E289:H289"/>
    <mergeCell ref="D290:H290"/>
    <mergeCell ref="E295:H295"/>
    <mergeCell ref="D291:D298"/>
    <mergeCell ref="E291:H291"/>
    <mergeCell ref="E292:H292"/>
    <mergeCell ref="E293:H293"/>
    <mergeCell ref="E294:H294"/>
    <mergeCell ref="E297:H297"/>
    <mergeCell ref="E298:H298"/>
    <mergeCell ref="L338:P338"/>
    <mergeCell ref="L339:P339"/>
    <mergeCell ref="L340:P340"/>
    <mergeCell ref="L341:P341"/>
    <mergeCell ref="L342:P342"/>
    <mergeCell ref="C318:H318"/>
    <mergeCell ref="I318:I319"/>
    <mergeCell ref="C319:H319"/>
    <mergeCell ref="C327:H327"/>
    <mergeCell ref="I327:I332"/>
    <mergeCell ref="E328:H328"/>
    <mergeCell ref="E329:H329"/>
    <mergeCell ref="C330:H330"/>
    <mergeCell ref="E331:H331"/>
    <mergeCell ref="E332:H332"/>
    <mergeCell ref="L337:P337"/>
    <mergeCell ref="I31:K31"/>
    <mergeCell ref="I373:I377"/>
    <mergeCell ref="E374:H374"/>
    <mergeCell ref="E377:F377"/>
    <mergeCell ref="C371:H371"/>
    <mergeCell ref="C372:H372"/>
    <mergeCell ref="C373:H373"/>
    <mergeCell ref="C363:H363"/>
    <mergeCell ref="C359:H359"/>
    <mergeCell ref="I359:I360"/>
    <mergeCell ref="E360:H360"/>
    <mergeCell ref="C361:H361"/>
    <mergeCell ref="I361:I362"/>
    <mergeCell ref="E362:H362"/>
    <mergeCell ref="C350:F350"/>
    <mergeCell ref="C351:H351"/>
    <mergeCell ref="C306:H306"/>
    <mergeCell ref="I306:I310"/>
    <mergeCell ref="E307:H307"/>
    <mergeCell ref="E308:H308"/>
    <mergeCell ref="E309:H309"/>
    <mergeCell ref="E310:H310"/>
    <mergeCell ref="E287:H287"/>
    <mergeCell ref="E296:H296"/>
  </mergeCells>
  <phoneticPr fontId="3"/>
  <hyperlinks>
    <hyperlink ref="C72:H72" location="診療所!B91" display="・設置主体"/>
    <hyperlink ref="C73:H73" location="診療所!B99" display="・病床の状況"/>
    <hyperlink ref="C74:H74" location="診療所!B120" display="・診療科"/>
    <hyperlink ref="C75:H75" location="診療所!B131" display="・入院基本料及び届出病床数"/>
    <hyperlink ref="C76:H76" location="診療所!B142" display="・算定する入院基本料の状況"/>
    <hyperlink ref="C77:H77" location="診療所!B141" display="・在宅療養支援診療所の届出状況"/>
    <hyperlink ref="C78:H78" location="診療所!B149" display="・職員数の状況"/>
    <hyperlink ref="C79:H79" location="診療所!B184" display="・退院調整部門の設置状況"/>
    <hyperlink ref="C80:H80" location="診療所!B204" display="・医療機器の台数"/>
    <hyperlink ref="C81:H81" location="診療所!B228" display="・有床診療所の病床の役割"/>
    <hyperlink ref="C82:H82" location="診療所!B243" display="・過去1年間の間に病棟の再編・見直しがあった場合の報告対象期間"/>
    <hyperlink ref="I254" location="診療所!B61" display="メニューへ戻る"/>
    <hyperlink ref="I72" location="診療所!B267" display="・入院患者の状況（年間）"/>
    <hyperlink ref="I73" location="診療所!B279" display="・入院患者の状況（月間／入院前の場所・退院先の場所の状況）"/>
    <hyperlink ref="I74" location="診療所!B302" display="・退院後に在宅医療を必要とする患者の状況"/>
    <hyperlink ref="I75" location="診療所!B314" display="・在宅医療を行った患者数"/>
    <hyperlink ref="I335" location="診療所!B61" display="メニューへ戻る"/>
    <hyperlink ref="I76" location="診療所!B323" display="・看取りを行った患者数"/>
    <hyperlink ref="I383" location="診療所!B61" display="メニューへ戻る"/>
    <hyperlink ref="J72:O72" location="診療所!B347" display="・分娩"/>
    <hyperlink ref="J73" location="診療所!B355" display="・リハビリテーションの実施状況"/>
    <hyperlink ref="J74" location="診療所!B367" display="・医科歯科の連携状況"/>
    <hyperlink ref="B5" r:id="rId1"/>
  </hyperlinks>
  <printOptions horizontalCentered="1"/>
  <pageMargins left="0.196850393700787" right="0.196850393700787" top="0.39370078740157499" bottom="0.43307086614173201" header="0.196850393700787" footer="0.196850393700787"/>
  <pageSetup paperSize="9" scale="46" fitToHeight="14" orientation="portrait" cellComments="atEnd" useFirstPageNumber="1" r:id="rId2"/>
  <headerFooter>
    <oddFooter>&amp;C&amp;14&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診療所</vt:lpstr>
      <vt:lpstr>診療所!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Windows ユーザー</cp:lastModifiedBy>
  <cp:lastPrinted>2021-05-24T00:22:40Z</cp:lastPrinted>
  <dcterms:created xsi:type="dcterms:W3CDTF">2019-03-05T11:12:49Z</dcterms:created>
  <dcterms:modified xsi:type="dcterms:W3CDTF">2021-05-24T00:22:41Z</dcterms:modified>
</cp:coreProperties>
</file>